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30026"/>
  <workbookPr/>
  <mc:AlternateContent xmlns:mc="http://schemas.openxmlformats.org/markup-compatibility/2006">
    <mc:Choice Requires="x15">
      <x15ac:absPath xmlns:x15ac="http://schemas.microsoft.com/office/spreadsheetml/2010/11/ac" url="\\10.2.108.50\s23902007\０２　指導監査\002 自主点検表等\自主点検表\R8年度\№3_会計\HP掲載用\"/>
    </mc:Choice>
  </mc:AlternateContent>
  <xr:revisionPtr revIDLastSave="0" documentId="13_ncr:1_{DCCB1B2A-2DAE-461A-8569-7C44D14C337E}" xr6:coauthVersionLast="47" xr6:coauthVersionMax="47" xr10:uidLastSave="{00000000-0000-0000-0000-000000000000}"/>
  <bookViews>
    <workbookView xWindow="-98" yWindow="-98" windowWidth="21795" windowHeight="13875" tabRatio="692" xr2:uid="{00000000-000D-0000-FFFF-FFFF00000000}"/>
  </bookViews>
  <sheets>
    <sheet name="自主点検表（会計）（書面での提出時はこちらを印刷）" sheetId="1" r:id="rId1"/>
    <sheet name="表紙" sheetId="8" r:id="rId2"/>
    <sheet name="委託費の弾力運用の状況入力シート" sheetId="5" r:id="rId3"/>
  </sheets>
  <definedNames>
    <definedName name="_xlnm.Print_Area" localSheetId="2">委託費の弾力運用の状況入力シート!$A$1:$D$29</definedName>
    <definedName name="_xlnm.Print_Area" localSheetId="0">'自主点検表（会計）（書面での提出時はこちらを印刷）'!$A$1:$M$34,'自主点検表（会計）（書面での提出時はこちらを印刷）'!$A$36:$O$298</definedName>
    <definedName name="_xlnm.Print_Area" localSheetId="1">表紙!$A$1:$I$165</definedName>
    <definedName name="_xlnm.Print_Titles" localSheetId="0">'自主点検表（会計）（書面での提出時はこちらを印刷）'!$36:$3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26" i="5" l="1"/>
  <c r="E25" i="5"/>
  <c r="E20" i="5"/>
  <c r="E19" i="5"/>
  <c r="E14" i="5"/>
  <c r="E11" i="5"/>
</calcChain>
</file>

<file path=xl/sharedStrings.xml><?xml version="1.0" encoding="utf-8"?>
<sst xmlns="http://schemas.openxmlformats.org/spreadsheetml/2006/main" count="573" uniqueCount="318">
  <si>
    <t>点検結果</t>
    <rPh sb="0" eb="2">
      <t>テンケン</t>
    </rPh>
    <rPh sb="2" eb="4">
      <t>ケッカ</t>
    </rPh>
    <phoneticPr fontId="6"/>
  </si>
  <si>
    <t>根拠法令・関連通知</t>
    <rPh sb="5" eb="7">
      <t>カンレン</t>
    </rPh>
    <rPh sb="7" eb="9">
      <t>ツウチ</t>
    </rPh>
    <phoneticPr fontId="6"/>
  </si>
  <si>
    <t>（１）弾力運用の要件</t>
  </si>
  <si>
    <t>　当期末支払資金残高　　≦　当該年度運営費収入×30％</t>
  </si>
  <si>
    <t>（３）積立資産について</t>
  </si>
  <si>
    <t>委託費の弾力運用の状況</t>
  </si>
  <si>
    <t>（９）支払資金残高</t>
  </si>
  <si>
    <t>（４）就労支援事業活動増減差額が生じていないか。</t>
  </si>
  <si>
    <t>【　記入要領及び注意事項　】</t>
  </si>
  <si>
    <t>○計算書類</t>
  </si>
  <si>
    <t>【法人全体で作成する附属明細書】</t>
  </si>
  <si>
    <t>①借入金明細書　　②寄附金収益明細書　　③補助金事業等収益明細書</t>
  </si>
  <si>
    <t>⑥基本金明細書　　⑦国庫補助金等特別積立金明細書</t>
  </si>
  <si>
    <t>【拠点区分で作成する附属明細書】</t>
  </si>
  <si>
    <t>⑧基本財産及びその他の固定資産（有形・無形固定資産）の明細書　　⑨引当金明細書</t>
  </si>
  <si>
    <t>【就労支援事業に係る附属明細書】</t>
  </si>
  <si>
    <t>⑮就労支援事業別事業活動明細書　　⑯就労支援事業製造原価明細書　　⑰就労支援事業販管費明細書</t>
  </si>
  <si>
    <t>⑱就労支援事業明細書　　⑲授産事業費用明細書</t>
  </si>
  <si>
    <t>○財産目録</t>
  </si>
  <si>
    <t>○残高証明書</t>
  </si>
  <si>
    <t>　※固定資産管理台帳については、運用上の留意事項（課長通知）27において作成するものとされていることから、</t>
    <phoneticPr fontId="1"/>
  </si>
  <si>
    <t>□</t>
  </si>
  <si>
    <t>該当
なし</t>
    <rPh sb="0" eb="2">
      <t>ガイトウ</t>
    </rPh>
    <phoneticPr fontId="6"/>
  </si>
  <si>
    <t>別紙３</t>
    <phoneticPr fontId="1"/>
  </si>
  <si>
    <t>□資金収支計算書</t>
  </si>
  <si>
    <t>休日保育</t>
  </si>
  <si>
    <t>延長保育</t>
    <phoneticPr fontId="1"/>
  </si>
  <si>
    <t>□補正予算書</t>
  </si>
  <si>
    <t>□収支計算分析表</t>
  </si>
  <si>
    <t>所在地</t>
    <rPh sb="0" eb="3">
      <t>ショザイチ</t>
    </rPh>
    <phoneticPr fontId="1"/>
  </si>
  <si>
    <t>名称</t>
    <rPh sb="0" eb="2">
      <t>メイショウ</t>
    </rPh>
    <phoneticPr fontId="1"/>
  </si>
  <si>
    <t>代表者名</t>
    <rPh sb="0" eb="3">
      <t>ダイヒョウシャ</t>
    </rPh>
    <rPh sb="3" eb="4">
      <t>メイ</t>
    </rPh>
    <phoneticPr fontId="1"/>
  </si>
  <si>
    <t>点検状況</t>
    <rPh sb="0" eb="2">
      <t>テンケン</t>
    </rPh>
    <rPh sb="2" eb="4">
      <t>ジョウキョウ</t>
    </rPh>
    <phoneticPr fontId="1"/>
  </si>
  <si>
    <t>氏名：</t>
    <rPh sb="0" eb="2">
      <t>シメイ</t>
    </rPh>
    <phoneticPr fontId="1"/>
  </si>
  <si>
    <t>職名：</t>
    <rPh sb="0" eb="2">
      <t>ショクメイ</t>
    </rPh>
    <phoneticPr fontId="1"/>
  </si>
  <si>
    <t>鹿児島市</t>
    <rPh sb="0" eb="4">
      <t>カゴシマシ</t>
    </rPh>
    <phoneticPr fontId="1"/>
  </si>
  <si>
    <t>支　　出　　項　　目</t>
  </si>
  <si>
    <t>支　出　額</t>
  </si>
  <si>
    <t>２　保育所等の土地又は建物の賃借料</t>
  </si>
  <si>
    <t>３　１、２の経費に係る借入金（利息部分を含む。）の償還</t>
  </si>
  <si>
    <t>４　保育所等施設・設備整備積立金の積立支出</t>
  </si>
  <si>
    <t>５　保育所等を経営する事業に係る租税公課</t>
  </si>
  <si>
    <t>要件１～３を全て満たす場合</t>
  </si>
  <si>
    <t>７　６の経費に係る借入金（利息部分を含む。）の償還又は積立</t>
  </si>
  <si>
    <t>小計Ｂ（６＋７）「経理等通知　別表3の内容」</t>
  </si>
  <si>
    <t>９　社会福祉施設等の土地又は建物の賃借料</t>
  </si>
  <si>
    <t>10　８、９の経費に係る借入金（利息部分を含む。）の償還又は積立</t>
  </si>
  <si>
    <t>11　社会福祉施設等を経営する事業に係る租税公課</t>
  </si>
  <si>
    <t>小計Ｃ（８＋９＋10＋11）「経理等通知　別表4の内容」</t>
  </si>
  <si>
    <t>小計Ｄ（＝小計Ｂ＋小計Ｃ）</t>
  </si>
  <si>
    <t>13　保育所等の土地又は建物の賃借料</t>
  </si>
  <si>
    <t>14　12、13の経費に係る借入金（利息部分を含む。）の償還</t>
  </si>
  <si>
    <t>15　保育所等を経営する事業に係る租税公課</t>
  </si>
  <si>
    <t>小計Ｅ（12＋13＋14＋15）「経理等通知　別表5の内容」</t>
  </si>
  <si>
    <t>円</t>
    <rPh sb="0" eb="1">
      <t>エン</t>
    </rPh>
    <phoneticPr fontId="1"/>
  </si>
  <si>
    <t>円</t>
    <rPh sb="0" eb="1">
      <t>エン</t>
    </rPh>
    <phoneticPr fontId="1"/>
  </si>
  <si>
    <t>就労支援事業活動増減差額</t>
    <phoneticPr fontId="1"/>
  </si>
  <si>
    <t>①工賃変動積立金積立額</t>
    <phoneticPr fontId="1"/>
  </si>
  <si>
    <t>②設備等整備積立金積立額</t>
    <phoneticPr fontId="1"/>
  </si>
  <si>
    <t>(ｱ)　積立金の計上は、理事会の議決を得ているか。</t>
    <phoneticPr fontId="1"/>
  </si>
  <si>
    <t>(ｴ)　積立金の上限額は、就労支援事業資産の取得価額の
　７５％以内となっているか。</t>
    <phoneticPr fontId="1"/>
  </si>
  <si>
    <t>(ｳ)　各事業年度における積立額は、就労支援事業収入の
　１０％以内となっているか。</t>
    <phoneticPr fontId="1"/>
  </si>
  <si>
    <t>(ｲ)　当該年度の利用者賃金及び利用者工賃の支払額は、
　それぞれ前年度の支払額を下回っていないか。</t>
    <phoneticPr fontId="1"/>
  </si>
  <si>
    <t>〇前年度充当額：</t>
    <phoneticPr fontId="1"/>
  </si>
  <si>
    <t>円）</t>
    <rPh sb="0" eb="1">
      <t>エン</t>
    </rPh>
    <phoneticPr fontId="1"/>
  </si>
  <si>
    <t>（内、管理費加算相当額：</t>
    <phoneticPr fontId="1"/>
  </si>
  <si>
    <t>（　</t>
  </si>
  <si>
    <t>円</t>
    <phoneticPr fontId="1"/>
  </si>
  <si>
    <t>円　≦　</t>
    <phoneticPr fontId="1"/>
  </si>
  <si>
    <t>着眼点</t>
    <rPh sb="0" eb="3">
      <t>チャクガンテン</t>
    </rPh>
    <phoneticPr fontId="1"/>
  </si>
  <si>
    <t>主眼事項</t>
    <rPh sb="0" eb="2">
      <t>シュガン</t>
    </rPh>
    <rPh sb="2" eb="4">
      <t>ジコウ</t>
    </rPh>
    <phoneticPr fontId="6"/>
  </si>
  <si>
    <t>関係資料</t>
    <rPh sb="0" eb="2">
      <t>カンケイ</t>
    </rPh>
    <rPh sb="2" eb="4">
      <t>シリョウ</t>
    </rPh>
    <phoneticPr fontId="1"/>
  </si>
  <si>
    <t>ア　弾力運用要件１を満たしているか。</t>
    <phoneticPr fontId="1"/>
  </si>
  <si>
    <t>　　　（注）「修繕」とは同一の設置者が設置する他の保育所の修繕費用に充てた場合のみ計上する。</t>
    <phoneticPr fontId="1"/>
  </si>
  <si>
    <t>（４）委託費の弾力運用の状況</t>
    <phoneticPr fontId="1"/>
  </si>
  <si>
    <t>（５）弾力運用の額の範囲について</t>
    <phoneticPr fontId="1"/>
  </si>
  <si>
    <t>（７）収支計算分析表の提出について</t>
    <rPh sb="3" eb="5">
      <t>シュウシ</t>
    </rPh>
    <rPh sb="5" eb="7">
      <t>ケイサン</t>
    </rPh>
    <rPh sb="7" eb="9">
      <t>ブンセキ</t>
    </rPh>
    <rPh sb="9" eb="10">
      <t>ヒョウ</t>
    </rPh>
    <rPh sb="11" eb="13">
      <t>テイシュツ</t>
    </rPh>
    <phoneticPr fontId="1"/>
  </si>
  <si>
    <t xml:space="preserve"> 当期末支払資金残高　　 ≦　当該年度委託費収入×30％</t>
    <phoneticPr fontId="1"/>
  </si>
  <si>
    <t>①　法人本部の運営に要する経費</t>
    <phoneticPr fontId="1"/>
  </si>
  <si>
    <t>　</t>
    <phoneticPr fontId="1"/>
  </si>
  <si>
    <t>（２）販売価格（受託価格）の決定は、市場調査を行う等し
　　て、適正に設定されているか。</t>
    <phoneticPr fontId="1"/>
  </si>
  <si>
    <t>②　第三者評価を受審し、その結果を公表している。</t>
    <phoneticPr fontId="1"/>
  </si>
  <si>
    <t>〇民間施設給与等
　改善費相当額：</t>
    <phoneticPr fontId="1"/>
  </si>
  <si>
    <t>）</t>
    <phoneticPr fontId="1"/>
  </si>
  <si>
    <t>その他　　　（</t>
    <rPh sb="2" eb="3">
      <t>タ</t>
    </rPh>
    <phoneticPr fontId="1"/>
  </si>
  <si>
    <t>　　改善基礎分相当額</t>
    <phoneticPr fontId="1"/>
  </si>
  <si>
    <t>イ　前期末支払資金残高の取崩しがある場合</t>
    <rPh sb="18" eb="20">
      <t>バアイ</t>
    </rPh>
    <phoneticPr fontId="1"/>
  </si>
  <si>
    <t>(ｳ)　各事業年度における積立額は、過去３年間の平均工
　賃の１０％以内となっているか。</t>
    <phoneticPr fontId="1"/>
  </si>
  <si>
    <t>(ｴ)　積立金の上限額は、過去３年間の平均工賃の５０％
　以内となっているか。</t>
    <phoneticPr fontId="1"/>
  </si>
  <si>
    <t>(ｱ)  小計Ｄは改善基礎分相当額の範囲内となっているか。</t>
    <rPh sb="5" eb="7">
      <t>ショウケイ</t>
    </rPh>
    <phoneticPr fontId="1"/>
  </si>
  <si>
    <t>添　　付　　資　　料</t>
    <phoneticPr fontId="1"/>
  </si>
  <si>
    <t>□第三者評価結果</t>
    <phoneticPr fontId="1"/>
  </si>
  <si>
    <t>□相談・苦情解決
　要領</t>
    <phoneticPr fontId="1"/>
  </si>
  <si>
    <t>□積立金・積立資
　産明細書
　（別紙３(⑫)）
□使用計画</t>
    <phoneticPr fontId="1"/>
  </si>
  <si>
    <t>（３）利用者の工賃は、利用者の作業能力等を踏まえ、適正
　　に支払われているか。</t>
    <phoneticPr fontId="1"/>
  </si>
  <si>
    <t>ア　増減差額が生じており、「工賃変動積立金」を計上し
　ている場合</t>
    <phoneticPr fontId="1"/>
  </si>
  <si>
    <t>イ　増減差額が生じており、「設備等整備積立金」を計上
　している場合</t>
    <phoneticPr fontId="1"/>
  </si>
  <si>
    <t>ア　関係法令、通知等に基づき、適正な法人運営が確保さ
　れているか。</t>
    <phoneticPr fontId="1"/>
  </si>
  <si>
    <t>ウ　財産目録、貸借対照表及び収支計算書が公開されてい
　るか。</t>
    <phoneticPr fontId="1"/>
  </si>
  <si>
    <t>①　苦情解決の仕組が周知されており、第三者委員を設
　置して適切な対応を行っているとともに、入所者等か
　らのサービスに係る苦情内容及び解決結果を定期的に
　公表している。</t>
    <phoneticPr fontId="1"/>
  </si>
  <si>
    <t>（６）当期末支払資金残高は、当該年度の運営費（措置費）
　　収入の３０％以下となっているか。</t>
    <phoneticPr fontId="1"/>
  </si>
  <si>
    <t>（２）人件費、管理費又は事業費間の流用がある場合、弾力
　　運用要件１を満たしているか。</t>
    <rPh sb="22" eb="24">
      <t>バアイ</t>
    </rPh>
    <phoneticPr fontId="1"/>
  </si>
  <si>
    <t>ア　人件費積立資産、修繕積立資産又は備品等購入積立資
　産への積立支出がある場合、弾力運用要件１を満たして
　いるか。</t>
    <rPh sb="38" eb="40">
      <t>バアイ</t>
    </rPh>
    <phoneticPr fontId="1"/>
  </si>
  <si>
    <t>オ　人件費積立資産、修繕積立資産、備品等購入積立資産
　又は保育所施設・整備積立資産の目的以外の使用がある
　場合</t>
    <rPh sb="45" eb="47">
      <t>イガイ</t>
    </rPh>
    <rPh sb="48" eb="50">
      <t>シヨウ</t>
    </rPh>
    <rPh sb="55" eb="57">
      <t>バアイ</t>
    </rPh>
    <phoneticPr fontId="1"/>
  </si>
  <si>
    <t>（６）委託費の貸付けについて</t>
    <phoneticPr fontId="1"/>
  </si>
  <si>
    <t>ア　当期末支払資金残高は、当該年度の委託費収入の３０
　％以内となっているか。</t>
    <phoneticPr fontId="1"/>
  </si>
  <si>
    <t>③　同一の設置者が運営する公益事業（子育て支援事
　業を除く）の運営、施設設備の整備等に要する経費</t>
    <phoneticPr fontId="1"/>
  </si>
  <si>
    <t>（２）各種積立金への積立てがある場合、使途を明確にした
　　使用計画に基づいた積立てとなっているか。</t>
    <phoneticPr fontId="1"/>
  </si>
  <si>
    <t>①　第三者評価加算の認定を受けている。</t>
    <phoneticPr fontId="1"/>
  </si>
  <si>
    <t>イ　保育所施設・設備整備積立資産（処遇改善加算の基礎
　分（以下「改善基礎分」という。）の範囲内）への積立
　支出がある場合、弾力運用要件１及び２を満たしている
　か。</t>
    <rPh sb="60" eb="62">
      <t>バアイ</t>
    </rPh>
    <phoneticPr fontId="1"/>
  </si>
  <si>
    <t>ウ　保育所施設・設備整備積立資産（改善基礎分を超える
　額）への積立支出がある場合、弾力運用要件１～３全て
　を満たしているか。</t>
    <rPh sb="51" eb="52">
      <t>スベ</t>
    </rPh>
    <phoneticPr fontId="1"/>
  </si>
  <si>
    <t>エ　子育て支援事業又は保育所以外の社会福祉施設等のた
　めの施設・設備整備積立資産への積立支出がある場合、
　弾力運用要件１～３全てを満たしているか。</t>
    <rPh sb="64" eb="65">
      <t>スベ</t>
    </rPh>
    <phoneticPr fontId="1"/>
  </si>
  <si>
    <t>合計Ｆ（小計Ｂ＋小計Ｅ）「経理等通知　別表3＋別表5」</t>
    <rPh sb="0" eb="2">
      <t>ゴウケイ</t>
    </rPh>
    <phoneticPr fontId="1"/>
  </si>
  <si>
    <t>　　　　※積立金を充当した支出を除いて計上すること。</t>
    <phoneticPr fontId="1"/>
  </si>
  <si>
    <t>(ｲ)  合計Ｆは委託費の３か月分の範囲内となっているか。</t>
    <rPh sb="5" eb="7">
      <t>ゴウケイ</t>
    </rPh>
    <phoneticPr fontId="1"/>
  </si>
  <si>
    <t>イ　弾力運用の要件１～３全てを満たしている場合</t>
    <rPh sb="12" eb="13">
      <t>スベ</t>
    </rPh>
    <rPh sb="21" eb="23">
      <t>バアイ</t>
    </rPh>
    <phoneticPr fontId="1"/>
  </si>
  <si>
    <t>イ　改善基礎分については、昇給等に充当しているか。</t>
    <phoneticPr fontId="1"/>
  </si>
  <si>
    <t xml:space="preserve"> 積立支出＋当期資金収支差額　≦　事業活動収入計（決算額）×5％</t>
    <phoneticPr fontId="1"/>
  </si>
  <si>
    <t>＊計算書類等は、定時評議員会で承認されたものを提出してください。</t>
    <phoneticPr fontId="1"/>
  </si>
  <si>
    <t>○附属明細書（別紙３）</t>
    <phoneticPr fontId="1"/>
  </si>
  <si>
    <t>※該当するものを提出してください。</t>
  </si>
  <si>
    <t>※該当するものを提出してください。</t>
    <phoneticPr fontId="1"/>
  </si>
  <si>
    <t>○補助簿（決算残高の分かる明細書）</t>
    <phoneticPr fontId="1"/>
  </si>
  <si>
    <t>(ｱ)   当該保育所の設置主体が社会福祉法人又は学校法人
　であり、弾力運用の要件１～３全てを満たし、事前に
　理事会の承認を得ているか。</t>
    <rPh sb="45" eb="46">
      <t>スベ</t>
    </rPh>
    <phoneticPr fontId="1"/>
  </si>
  <si>
    <t>(ｲ)    (ｱ)以外の場合、弾力運用の要件１及び２を満たし、
　事前に市の承認を得ているか。</t>
    <rPh sb="10" eb="12">
      <t>イガイ</t>
    </rPh>
    <rPh sb="13" eb="15">
      <t>バアイ</t>
    </rPh>
    <phoneticPr fontId="1"/>
  </si>
  <si>
    <t>(ｲ)  (ｱ)以外の場合、弾力運用の要件１及び２を満たし、
　事前に市の承認を得ているか。</t>
    <phoneticPr fontId="1"/>
  </si>
  <si>
    <t>(ｱ)  当該保育所の設置主体が社会福祉法人又は学校法人
　であり、弾力運用の要件１～３全てを満たし、事前に
　理事会の承認を得ているか。</t>
    <rPh sb="44" eb="45">
      <t>スベ</t>
    </rPh>
    <phoneticPr fontId="1"/>
  </si>
  <si>
    <t>(ｱ)  児童福祉施設最低基準が遵守されているか。</t>
    <phoneticPr fontId="1"/>
  </si>
  <si>
    <t>(ｲ)  職員の配置等の事項が遵守されているか。</t>
    <phoneticPr fontId="1"/>
  </si>
  <si>
    <t>(ｳ)  給与規程が整備され、適正な給与水準が維持されて
　いる等、人件費の運用が適正に行われているか。</t>
    <phoneticPr fontId="1"/>
  </si>
  <si>
    <t>(ｴ)  給食について必要な栄養量が確保され、嗜好を生か
　した調理がなされる等、適切な給食が実施されている
　か。</t>
    <phoneticPr fontId="1"/>
  </si>
  <si>
    <t>(ｵ)  保育指針を踏まえた保育がなされ、処遇上必要な設
　備が整備されている等、児童処遇が適切か。</t>
    <phoneticPr fontId="1"/>
  </si>
  <si>
    <t>(ｶ)  研修会に積極的に参加するなど、役職員の資質の向
　上に努めているか。</t>
    <phoneticPr fontId="1"/>
  </si>
  <si>
    <t>(ｲ)  毎年度、次の①又は②が実施されているか。</t>
    <phoneticPr fontId="1"/>
  </si>
  <si>
    <t>(ｱ)  社会福祉法人会計基準に基づく、資金収支計算書・
　事業区分資金収支内訳表・拠点区分資金収支計算書・
　拠点区分資金収支明細書を保育所に備え付け、閲覧に
　供しているか。</t>
    <phoneticPr fontId="1"/>
  </si>
  <si>
    <t>②　入所者等に対して、苦情解決の仕組みが周知され
　ており、第三者委員を設置して適切な対応をとって
　いるとともに、入所者等からサービスに係る苦情内
　容及び解決結果の定期的な公表を行っている。</t>
    <phoneticPr fontId="1"/>
  </si>
  <si>
    <t>計算結果</t>
    <rPh sb="0" eb="2">
      <t>ケイサン</t>
    </rPh>
    <rPh sb="2" eb="4">
      <t>ケッカ</t>
    </rPh>
    <phoneticPr fontId="1"/>
  </si>
  <si>
    <t>参照欄</t>
    <rPh sb="0" eb="2">
      <t>サンショウ</t>
    </rPh>
    <rPh sb="2" eb="3">
      <t>ラン</t>
    </rPh>
    <phoneticPr fontId="6"/>
  </si>
  <si>
    <t>・計算書類の注記</t>
    <phoneticPr fontId="1"/>
  </si>
  <si>
    <t>・資金収支計算書（社会福祉法人会計基準第１号第１～４様式のうち作成が必要とされているもの）</t>
    <rPh sb="9" eb="11">
      <t>シャカイ</t>
    </rPh>
    <rPh sb="11" eb="13">
      <t>フクシ</t>
    </rPh>
    <rPh sb="13" eb="14">
      <t>ホウ</t>
    </rPh>
    <rPh sb="14" eb="15">
      <t>ジン</t>
    </rPh>
    <rPh sb="15" eb="17">
      <t>カイケイ</t>
    </rPh>
    <rPh sb="17" eb="19">
      <t>キジュン</t>
    </rPh>
    <phoneticPr fontId="1"/>
  </si>
  <si>
    <t>・事業活動計算書（社会福祉法人会計基準第２号第１～４様式のうち作成が必要とされているもの）</t>
    <rPh sb="14" eb="15">
      <t>ジン</t>
    </rPh>
    <phoneticPr fontId="1"/>
  </si>
  <si>
    <t>・貸借対照表（社会福祉法人会計基準第３号第１～４様式のうち作成が必要とされているもの）</t>
    <rPh sb="12" eb="13">
      <t>ジン</t>
    </rPh>
    <phoneticPr fontId="1"/>
  </si>
  <si>
    <t>・取引金融機関（福祉医療機構含む）の発行する年度末の全ての貸付金（又は借入金）残高証明書（写）</t>
    <rPh sb="26" eb="27">
      <t>スベ</t>
    </rPh>
    <phoneticPr fontId="1"/>
  </si>
  <si>
    <t>⑮就労支援事業別事業活動明細書</t>
    <phoneticPr fontId="1"/>
  </si>
  <si>
    <t>⑯就労支援事業製造原価明細書</t>
    <phoneticPr fontId="1"/>
  </si>
  <si>
    <t>⑰就労支援事業販管費明細書</t>
    <phoneticPr fontId="1"/>
  </si>
  <si>
    <t>⑱就労支援事業明細書</t>
    <phoneticPr fontId="1"/>
  </si>
  <si>
    <t>⑲授産事業費用明細書</t>
    <phoneticPr fontId="1"/>
  </si>
  <si>
    <t>１　就労支援事
　業</t>
    <rPh sb="2" eb="4">
      <t>シュウロウ</t>
    </rPh>
    <rPh sb="4" eb="6">
      <t>シエン</t>
    </rPh>
    <rPh sb="6" eb="7">
      <t>ゴト</t>
    </rPh>
    <rPh sb="9" eb="10">
      <t>ギョウ</t>
    </rPh>
    <phoneticPr fontId="1"/>
  </si>
  <si>
    <t>□理事会の議事録</t>
    <phoneticPr fontId="1"/>
  </si>
  <si>
    <t>ウ　弾力運用要件３を満たしているか。</t>
    <phoneticPr fontId="1"/>
  </si>
  <si>
    <t>□拠点区分資金収
　支明細書
　（別紙３(⑩)）
□積立金・積立資
　産明細書
　（別紙３(⑫)）</t>
    <rPh sb="1" eb="3">
      <t>キョテン</t>
    </rPh>
    <rPh sb="3" eb="5">
      <t>クブン</t>
    </rPh>
    <phoneticPr fontId="1"/>
  </si>
  <si>
    <t>（弾力運用の有無にかかわらず、必ず記入すること。）</t>
    <rPh sb="1" eb="3">
      <t>ダンリョク</t>
    </rPh>
    <phoneticPr fontId="1"/>
  </si>
  <si>
    <t>ア　各種積立資産への積立支出と当期資金収支差額の合計
　は、当施設に係る拠点区分の事業活動収入計（決算額）
　の５％以内となっているか。</t>
    <phoneticPr fontId="1"/>
  </si>
  <si>
    <t>イ　上記（５）、（７）アのいずれかが「いない」となっ
　ている場合又は経理等通知の「１委託費の使途範囲」か
　ら「４委託費の管理・運用」までに定める以外の支出が
　行われている場合、市へ収支計算分析表を提出している
　か。</t>
    <rPh sb="2" eb="4">
      <t>ジョウキ</t>
    </rPh>
    <rPh sb="31" eb="33">
      <t>バアイ</t>
    </rPh>
    <rPh sb="33" eb="34">
      <t>マタ</t>
    </rPh>
    <rPh sb="35" eb="36">
      <t>キョウ</t>
    </rPh>
    <rPh sb="36" eb="37">
      <t>オサム</t>
    </rPh>
    <rPh sb="37" eb="38">
      <t>トウ</t>
    </rPh>
    <rPh sb="38" eb="40">
      <t>ツウチ</t>
    </rPh>
    <phoneticPr fontId="1"/>
  </si>
  <si>
    <t>□拠点区分資金収
　支明細書
　（別紙３(⑩)）
　※本部区分
□サービス区分間
　繰入金明細書
　（別紙３(⑬)）
□事業区分間及び
　拠点区分間繰入
　金明細書
　（別紙３(④)）</t>
    <rPh sb="1" eb="3">
      <t>キョテン</t>
    </rPh>
    <rPh sb="3" eb="5">
      <t>クブン</t>
    </rPh>
    <rPh sb="29" eb="31">
      <t>クブン</t>
    </rPh>
    <rPh sb="65" eb="66">
      <t>オヨ</t>
    </rPh>
    <phoneticPr fontId="1"/>
  </si>
  <si>
    <t>○その他</t>
    <rPh sb="3" eb="4">
      <t>タ</t>
    </rPh>
    <phoneticPr fontId="1"/>
  </si>
  <si>
    <t>以降を記入してください。（入力した数値が印刷ページに反映されます。）</t>
    <rPh sb="20" eb="22">
      <t>インサツ</t>
    </rPh>
    <rPh sb="26" eb="28">
      <t>ハンエイ</t>
    </rPh>
    <phoneticPr fontId="1"/>
  </si>
  <si>
    <t>（１）就労支援事業に係る附属明細書を作成しているか。</t>
    <phoneticPr fontId="1"/>
  </si>
  <si>
    <t>□附属明細書</t>
    <rPh sb="1" eb="3">
      <t>フゾク</t>
    </rPh>
    <rPh sb="3" eb="6">
      <t>メイサイショ</t>
    </rPh>
    <phoneticPr fontId="1"/>
  </si>
  <si>
    <t>ア　同一法人内の各拠点区分又は収益事業等他の事業区分
　に対する委託費の貸付けがある場合、年度内に清算され
　ているか。</t>
    <rPh sb="49" eb="51">
      <t>セイサン</t>
    </rPh>
    <phoneticPr fontId="1"/>
  </si>
  <si>
    <t>＊社会福祉法人監査と同時監査の場合は、全事業分の下記資料を提出してください。</t>
    <rPh sb="1" eb="3">
      <t>シャカイ</t>
    </rPh>
    <rPh sb="3" eb="5">
      <t>フクシ</t>
    </rPh>
    <rPh sb="5" eb="7">
      <t>ホウジン</t>
    </rPh>
    <rPh sb="7" eb="9">
      <t>カンサ</t>
    </rPh>
    <rPh sb="10" eb="12">
      <t>ドウジ</t>
    </rPh>
    <rPh sb="12" eb="14">
      <t>カンサ</t>
    </rPh>
    <rPh sb="15" eb="17">
      <t>バアイ</t>
    </rPh>
    <rPh sb="19" eb="20">
      <t>ゼン</t>
    </rPh>
    <rPh sb="20" eb="22">
      <t>ジギョウ</t>
    </rPh>
    <rPh sb="22" eb="23">
      <t>ブン</t>
    </rPh>
    <rPh sb="24" eb="26">
      <t>カキ</t>
    </rPh>
    <rPh sb="26" eb="28">
      <t>シリョウ</t>
    </rPh>
    <rPh sb="29" eb="31">
      <t>テイシュツ</t>
    </rPh>
    <phoneticPr fontId="1"/>
  </si>
  <si>
    <t>５　回答の判断が困難な場合は、事前に指導監査課にお問い合わせください。</t>
    <rPh sb="15" eb="17">
      <t>ジゼン</t>
    </rPh>
    <rPh sb="18" eb="20">
      <t>シドウ</t>
    </rPh>
    <phoneticPr fontId="1"/>
  </si>
  <si>
    <t>・長期前払費用台帳　　・未払金台帳　　　　　・未払費用台帳　　　　　・仮受金台帳　　　　　</t>
    <rPh sb="35" eb="36">
      <t>カリ</t>
    </rPh>
    <phoneticPr fontId="1"/>
  </si>
  <si>
    <t>・貸付金台帳　　　　　・仮払金台帳　　　　　・固定資産管理台帳(※) 　・リース資産管理台帳　</t>
    <phoneticPr fontId="1"/>
  </si>
  <si>
    <t>・有価証券台帳　　　　・未収金台帳　　　　　・立替金台帳　　　　　　・前払費用台帳　　　　</t>
    <phoneticPr fontId="1"/>
  </si>
  <si>
    <r>
      <t>※</t>
    </r>
    <r>
      <rPr>
        <u/>
        <sz val="10"/>
        <color theme="1"/>
        <rFont val="游ゴシック"/>
        <family val="3"/>
        <charset val="128"/>
        <scheme val="minor"/>
      </rPr>
      <t>残高証明書の原本は、指導監査当日確認するので、準備しておいてください。</t>
    </r>
    <rPh sb="1" eb="3">
      <t>ザンダカ</t>
    </rPh>
    <rPh sb="3" eb="6">
      <t>ショウメイショ</t>
    </rPh>
    <rPh sb="7" eb="9">
      <t>ゲンポン</t>
    </rPh>
    <rPh sb="11" eb="13">
      <t>シドウ</t>
    </rPh>
    <rPh sb="13" eb="15">
      <t>カンサ</t>
    </rPh>
    <rPh sb="15" eb="17">
      <t>トウジツ</t>
    </rPh>
    <rPh sb="17" eb="19">
      <t>カクニン</t>
    </rPh>
    <rPh sb="24" eb="26">
      <t>ジュンビ</t>
    </rPh>
    <phoneticPr fontId="1"/>
  </si>
  <si>
    <t>・賞与引当金台帳　　　・退職給付引当金台帳</t>
    <rPh sb="14" eb="16">
      <t>キュウフ</t>
    </rPh>
    <phoneticPr fontId="1"/>
  </si>
  <si>
    <t>□理事会の議事録</t>
  </si>
  <si>
    <t>(ｷ)  その他保育所運営以外の事業を含む当該保育所の設
　置者の運営について、問題となる事由がないか。
　（ない場合…「適」・ある場合…「不適」）</t>
    <phoneticPr fontId="1"/>
  </si>
  <si>
    <t>イ　弾力運用要件２（経理等通知別表１に掲げるいずれか
　の事業等を実施している）を満たしているか。</t>
    <phoneticPr fontId="1"/>
  </si>
  <si>
    <t>一時預かり</t>
    <rPh sb="2" eb="3">
      <t>アズ</t>
    </rPh>
    <phoneticPr fontId="1"/>
  </si>
  <si>
    <t>小計Ａ（１＋２＋３＋４＋５）「経理等通知　別表2の内容」</t>
    <rPh sb="0" eb="2">
      <t>ショウケイ</t>
    </rPh>
    <phoneticPr fontId="1"/>
  </si>
  <si>
    <t>ア　弾力運用要件１及び２を満たしている場合、小計Ａは
　改善基礎分相当額の範囲内となっているか。</t>
    <rPh sb="19" eb="21">
      <t>バアイ</t>
    </rPh>
    <rPh sb="22" eb="24">
      <t>ショウケイ</t>
    </rPh>
    <phoneticPr fontId="1"/>
  </si>
  <si>
    <t>（８）処遇改善等加算を受けている場合</t>
    <rPh sb="11" eb="12">
      <t>ウ</t>
    </rPh>
    <rPh sb="16" eb="18">
      <t>バアイ</t>
    </rPh>
    <phoneticPr fontId="1"/>
  </si>
  <si>
    <t>(ｳ)  前期末支払資金残高を取り崩し、通常経費への補填
　以外に、次の①～③の経費への充当に使用している場
　合、弾力運用要件１～３全てを満たしているか。</t>
    <rPh sb="47" eb="49">
      <t>シヨウ</t>
    </rPh>
    <rPh sb="67" eb="68">
      <t>スベ</t>
    </rPh>
    <phoneticPr fontId="1"/>
  </si>
  <si>
    <t>□資金収支計算書
□事業区分資金収
　支内訳表
□拠点区分資金収
　支計算書
□拠点区分資金収
　支明細書
　（別紙３(⑩)）</t>
    <phoneticPr fontId="1"/>
  </si>
  <si>
    <t>□貸借対照表
□事業区分間及び
　拠点区分間貸付
　金残高明細書
　（別紙３(⑤)）
□サービス区分間
　貸付金残高明細
　書
　（別紙３(⑭)）</t>
    <phoneticPr fontId="1"/>
  </si>
  <si>
    <t>□</t>
    <phoneticPr fontId="1"/>
  </si>
  <si>
    <t>イ　同一法人以外への貸付けはないか。
　　（ない場合…「適」・ある場合…「不適」）</t>
    <phoneticPr fontId="1"/>
  </si>
  <si>
    <t>１　就労支援事
　業</t>
    <phoneticPr fontId="1"/>
  </si>
  <si>
    <t>（省略している場合は「該当なし」にチェックしてください。）</t>
    <rPh sb="1" eb="3">
      <t>ショウリャク</t>
    </rPh>
    <rPh sb="7" eb="9">
      <t>バアイ</t>
    </rPh>
    <rPh sb="11" eb="13">
      <t>ガイトウ</t>
    </rPh>
    <phoneticPr fontId="1"/>
  </si>
  <si>
    <t>□管理規程・重要
　事項説明書
□延長保育・一時
　預かり日誌
□管理台帳</t>
    <rPh sb="26" eb="27">
      <t>アズ</t>
    </rPh>
    <phoneticPr fontId="1"/>
  </si>
  <si>
    <t>（加算を受けていない場合は「該当なし」にチェックしてく
ださい。）</t>
    <rPh sb="1" eb="3">
      <t>カサン</t>
    </rPh>
    <rPh sb="4" eb="5">
      <t>ウ</t>
    </rPh>
    <rPh sb="10" eb="12">
      <t>バアイ</t>
    </rPh>
    <rPh sb="14" eb="16">
      <t>ガイトウ</t>
    </rPh>
    <phoneticPr fontId="1"/>
  </si>
  <si>
    <t>（取崩しがない場合は「該当なし」にチェックしてください。）</t>
    <rPh sb="1" eb="3">
      <t>トリクズ</t>
    </rPh>
    <rPh sb="7" eb="9">
      <t>バアイ</t>
    </rPh>
    <rPh sb="11" eb="13">
      <t>ガイトウ</t>
    </rPh>
    <phoneticPr fontId="1"/>
  </si>
  <si>
    <t>□</t>
    <phoneticPr fontId="1"/>
  </si>
  <si>
    <t>□借入金明細書
　（別紙３(①)）</t>
    <phoneticPr fontId="1"/>
  </si>
  <si>
    <t>イ　関係通知に基づき、適正な施設運営が確保されている
　か。</t>
    <rPh sb="11" eb="13">
      <t>テキセイ</t>
    </rPh>
    <phoneticPr fontId="1"/>
  </si>
  <si>
    <t>６　子育て支援事業に係る建物、設備の整備・修繕、環境の改善及び
　土地の取得等</t>
    <phoneticPr fontId="1"/>
  </si>
  <si>
    <t>８　社会福祉施設等に係る建物、設備の整備・修繕、環境の改善及び
　土地の取得等</t>
    <phoneticPr fontId="1"/>
  </si>
  <si>
    <t>12　保育所等の建物、設備の整備・修繕、環境の改善、土地の取得等</t>
    <phoneticPr fontId="1"/>
  </si>
  <si>
    <t>□拠点区分資金収
　支明細書
　（別紙３(⑩)）</t>
    <rPh sb="1" eb="3">
      <t>キョテン</t>
    </rPh>
    <rPh sb="3" eb="5">
      <t>クブン</t>
    </rPh>
    <phoneticPr fontId="1"/>
  </si>
  <si>
    <t>１　保育所等の建物、設備の整備・修繕（注）、環境の改善等</t>
    <phoneticPr fontId="1"/>
  </si>
  <si>
    <t>②　同一の設置者が運営する第１種社会福祉事業及び
　第２種社会福祉事業並びに子育て支援事業の運営、
　施設設備の整備等に要する経費</t>
    <rPh sb="56" eb="58">
      <t>セイビ</t>
    </rPh>
    <phoneticPr fontId="1"/>
  </si>
  <si>
    <t>エ　毎年度、次の①又は②が実施されているか。</t>
    <phoneticPr fontId="1"/>
  </si>
  <si>
    <r>
      <t xml:space="preserve">※エクセルの場合は、別の委託費の弾力運用の状況シート
</t>
    </r>
    <r>
      <rPr>
        <sz val="11"/>
        <color theme="1"/>
        <rFont val="游ゴシック"/>
        <family val="3"/>
        <charset val="128"/>
        <scheme val="minor"/>
      </rPr>
      <t>　</t>
    </r>
    <r>
      <rPr>
        <u/>
        <sz val="11"/>
        <color theme="1"/>
        <rFont val="游ゴシック"/>
        <family val="2"/>
        <charset val="128"/>
        <scheme val="minor"/>
      </rPr>
      <t>に入力してください。（入力した数値が反映されます。）</t>
    </r>
    <rPh sb="6" eb="8">
      <t>バアイ</t>
    </rPh>
    <rPh sb="10" eb="11">
      <t>ベツ</t>
    </rPh>
    <rPh sb="12" eb="14">
      <t>イタク</t>
    </rPh>
    <rPh sb="14" eb="15">
      <t>ヒ</t>
    </rPh>
    <rPh sb="16" eb="18">
      <t>ダンリョク</t>
    </rPh>
    <rPh sb="18" eb="20">
      <t>ウンヨウ</t>
    </rPh>
    <rPh sb="21" eb="23">
      <t>ジョウキョウ</t>
    </rPh>
    <rPh sb="29" eb="31">
      <t>ニュウリョク</t>
    </rPh>
    <rPh sb="39" eb="41">
      <t>ニュウリョク</t>
    </rPh>
    <rPh sb="43" eb="45">
      <t>スウチ</t>
    </rPh>
    <rPh sb="46" eb="48">
      <t>ハンエイ</t>
    </rPh>
    <phoneticPr fontId="1"/>
  </si>
  <si>
    <t>（事例がない場合は「該当なし」にチェックしてください。）</t>
    <rPh sb="1" eb="3">
      <t>ジレイ</t>
    </rPh>
    <rPh sb="6" eb="8">
      <t>バアイ</t>
    </rPh>
    <rPh sb="10" eb="12">
      <t>ガイトウ</t>
    </rPh>
    <phoneticPr fontId="1"/>
  </si>
  <si>
    <t xml:space="preserve">□資金収支明細書
□総勘定元帳
□土地・建物賃貸
　借契約書
□借入金明細書
　（別紙３(①)）
□償還予定表
□積立金・積立資
　産明細書
　（別紙３(⑫)）
</t>
    <phoneticPr fontId="1"/>
  </si>
  <si>
    <t>（当期資金収支差額がマイナスである場合だけでなく、前期末支払資金残高を財源とした経費の充当を行っている場合も取崩しに該当します。）</t>
    <rPh sb="1" eb="3">
      <t>トウキ</t>
    </rPh>
    <rPh sb="3" eb="5">
      <t>シキン</t>
    </rPh>
    <rPh sb="5" eb="7">
      <t>シュウシ</t>
    </rPh>
    <rPh sb="7" eb="9">
      <t>サガク</t>
    </rPh>
    <rPh sb="17" eb="19">
      <t>バアイ</t>
    </rPh>
    <rPh sb="25" eb="30">
      <t>ゼンキマツシハライ</t>
    </rPh>
    <rPh sb="30" eb="32">
      <t>シキン</t>
    </rPh>
    <rPh sb="32" eb="34">
      <t>ザンダカ</t>
    </rPh>
    <rPh sb="35" eb="37">
      <t>ザイゲン</t>
    </rPh>
    <rPh sb="40" eb="42">
      <t>ケイヒ</t>
    </rPh>
    <rPh sb="43" eb="45">
      <t>ジュウトウ</t>
    </rPh>
    <rPh sb="46" eb="47">
      <t>オコナ</t>
    </rPh>
    <rPh sb="51" eb="53">
      <t>バアイ</t>
    </rPh>
    <rPh sb="54" eb="56">
      <t>トリクズ</t>
    </rPh>
    <rPh sb="58" eb="60">
      <t>ガイトウ</t>
    </rPh>
    <phoneticPr fontId="1"/>
  </si>
  <si>
    <t>□</t>
    <phoneticPr fontId="1"/>
  </si>
  <si>
    <t>Ⅰ　特別養護老人ホーム</t>
    <rPh sb="2" eb="11">
      <t>トク</t>
    </rPh>
    <phoneticPr fontId="1"/>
  </si>
  <si>
    <t>適</t>
    <rPh sb="0" eb="1">
      <t>テキ</t>
    </rPh>
    <phoneticPr fontId="6"/>
  </si>
  <si>
    <t>不適</t>
    <rPh sb="0" eb="2">
      <t>フテキ</t>
    </rPh>
    <phoneticPr fontId="6"/>
  </si>
  <si>
    <t>２　資金の繰入れ</t>
    <rPh sb="2" eb="4">
      <t>シキン</t>
    </rPh>
    <rPh sb="5" eb="7">
      <t>クリイ</t>
    </rPh>
    <phoneticPr fontId="1"/>
  </si>
  <si>
    <r>
      <t xml:space="preserve">□
</t>
    </r>
    <r>
      <rPr>
        <sz val="8"/>
        <color theme="1"/>
        <rFont val="游ゴシック"/>
        <family val="3"/>
        <charset val="128"/>
        <scheme val="minor"/>
      </rPr>
      <t>ない</t>
    </r>
    <phoneticPr fontId="1"/>
  </si>
  <si>
    <r>
      <t xml:space="preserve">□
</t>
    </r>
    <r>
      <rPr>
        <sz val="8"/>
        <color theme="1"/>
        <rFont val="游ゴシック"/>
        <family val="3"/>
        <charset val="128"/>
        <scheme val="minor"/>
      </rPr>
      <t>ある</t>
    </r>
    <phoneticPr fontId="1"/>
  </si>
  <si>
    <t>イ　介護保険法第23条に規定する居宅サービス事業等への資金の繰入れがあるか。</t>
    <rPh sb="2" eb="4">
      <t>カイゴ</t>
    </rPh>
    <rPh sb="4" eb="6">
      <t>ホケン</t>
    </rPh>
    <rPh sb="6" eb="7">
      <t>ホウ</t>
    </rPh>
    <rPh sb="7" eb="8">
      <t>ダイ</t>
    </rPh>
    <rPh sb="10" eb="11">
      <t>ジョウ</t>
    </rPh>
    <rPh sb="12" eb="14">
      <t>キテイ</t>
    </rPh>
    <rPh sb="16" eb="18">
      <t>キョタク</t>
    </rPh>
    <rPh sb="22" eb="24">
      <t>ジギョウ</t>
    </rPh>
    <rPh sb="24" eb="25">
      <t>トウ</t>
    </rPh>
    <rPh sb="27" eb="29">
      <t>シキン</t>
    </rPh>
    <rPh sb="30" eb="32">
      <t>クリイ</t>
    </rPh>
    <phoneticPr fontId="1"/>
  </si>
  <si>
    <t>（ある場合）
　当該施設の事業活動資金収支差額に資金残高が生じ、かつ、当期資金収支差額合計に資金不足が生じない範囲となっているか。
・事業活動資金収支差額　（　　　　　　　　　　　　円）
・当期資金収支差額　　　（　　　　　　　　　　　　円）</t>
    <rPh sb="3" eb="5">
      <t>バアイ</t>
    </rPh>
    <rPh sb="8" eb="10">
      <t>トウガイ</t>
    </rPh>
    <rPh sb="10" eb="12">
      <t>シセツ</t>
    </rPh>
    <rPh sb="55" eb="57">
      <t>ハンイ</t>
    </rPh>
    <phoneticPr fontId="1"/>
  </si>
  <si>
    <t xml:space="preserve">（ある場合）
　当該施設の当期末支払資金残高に資金不足が生じない範囲となっているか。
・当期末支払資金残高　　（　　　　　　　　　　　　円）
</t>
    <rPh sb="3" eb="5">
      <t>バアイ</t>
    </rPh>
    <rPh sb="8" eb="10">
      <t>トウガイ</t>
    </rPh>
    <rPh sb="10" eb="12">
      <t>シセツ</t>
    </rPh>
    <rPh sb="15" eb="16">
      <t>スエ</t>
    </rPh>
    <rPh sb="16" eb="18">
      <t>シハライ</t>
    </rPh>
    <rPh sb="20" eb="22">
      <t>ザンダカ</t>
    </rPh>
    <rPh sb="32" eb="34">
      <t>ハンイ</t>
    </rPh>
    <rPh sb="45" eb="46">
      <t>トウ</t>
    </rPh>
    <rPh sb="46" eb="48">
      <t>キマツ</t>
    </rPh>
    <rPh sb="48" eb="50">
      <t>シハライ</t>
    </rPh>
    <rPh sb="50" eb="52">
      <t>シキン</t>
    </rPh>
    <rPh sb="52" eb="54">
      <t>ザンダカ</t>
    </rPh>
    <rPh sb="69" eb="70">
      <t>エン</t>
    </rPh>
    <phoneticPr fontId="1"/>
  </si>
  <si>
    <t>４　役員等の報酬</t>
    <rPh sb="2" eb="4">
      <t>ヤクイン</t>
    </rPh>
    <rPh sb="4" eb="5">
      <t>トウ</t>
    </rPh>
    <rPh sb="6" eb="8">
      <t>ホウシュウ</t>
    </rPh>
    <phoneticPr fontId="1"/>
  </si>
  <si>
    <t>Ⅱ　障害者支援施設</t>
    <rPh sb="2" eb="5">
      <t>ショウガイシャ</t>
    </rPh>
    <rPh sb="5" eb="7">
      <t>シエン</t>
    </rPh>
    <rPh sb="7" eb="9">
      <t>シセツ</t>
    </rPh>
    <phoneticPr fontId="1"/>
  </si>
  <si>
    <t>ア　障害福祉サービス以外の社会福祉事業や法人本部、公益事業への資金の繰入れがあるか。</t>
    <rPh sb="2" eb="4">
      <t>ショウガイ</t>
    </rPh>
    <rPh sb="4" eb="6">
      <t>フクシ</t>
    </rPh>
    <rPh sb="10" eb="12">
      <t>イガイ</t>
    </rPh>
    <rPh sb="13" eb="15">
      <t>シャカイ</t>
    </rPh>
    <rPh sb="15" eb="17">
      <t>フクシ</t>
    </rPh>
    <rPh sb="17" eb="19">
      <t>ジギョウ</t>
    </rPh>
    <rPh sb="20" eb="22">
      <t>ホウジン</t>
    </rPh>
    <rPh sb="22" eb="24">
      <t>ホンブ</t>
    </rPh>
    <rPh sb="25" eb="27">
      <t>コウエキ</t>
    </rPh>
    <rPh sb="27" eb="29">
      <t>ジギョウ</t>
    </rPh>
    <rPh sb="31" eb="33">
      <t>シキン</t>
    </rPh>
    <rPh sb="34" eb="36">
      <t>クリイ</t>
    </rPh>
    <phoneticPr fontId="1"/>
  </si>
  <si>
    <t>ア　介護保険サービス以外の社会福祉事業や法人本部、公益事業への資金の繰入れがあるか。</t>
    <rPh sb="2" eb="4">
      <t>カイゴ</t>
    </rPh>
    <rPh sb="4" eb="6">
      <t>ホケン</t>
    </rPh>
    <rPh sb="10" eb="12">
      <t>イガイ</t>
    </rPh>
    <rPh sb="13" eb="15">
      <t>シャカイ</t>
    </rPh>
    <rPh sb="15" eb="17">
      <t>フクシ</t>
    </rPh>
    <rPh sb="17" eb="19">
      <t>ジギョウ</t>
    </rPh>
    <rPh sb="20" eb="22">
      <t>ホウジン</t>
    </rPh>
    <rPh sb="22" eb="24">
      <t>ホンブ</t>
    </rPh>
    <rPh sb="25" eb="27">
      <t>コウエキ</t>
    </rPh>
    <rPh sb="27" eb="29">
      <t>ジギョウ</t>
    </rPh>
    <rPh sb="31" eb="33">
      <t>シキン</t>
    </rPh>
    <rPh sb="34" eb="36">
      <t>クリイ</t>
    </rPh>
    <phoneticPr fontId="1"/>
  </si>
  <si>
    <t>イ　当該法人が行う障害者支援施設等への資金の繰入れがあるか。</t>
    <rPh sb="2" eb="4">
      <t>トウガイ</t>
    </rPh>
    <rPh sb="4" eb="6">
      <t>ホウジン</t>
    </rPh>
    <rPh sb="7" eb="8">
      <t>オコナ</t>
    </rPh>
    <rPh sb="9" eb="16">
      <t>ショウ</t>
    </rPh>
    <rPh sb="16" eb="17">
      <t>トウ</t>
    </rPh>
    <rPh sb="19" eb="21">
      <t>シキン</t>
    </rPh>
    <rPh sb="22" eb="24">
      <t>クリイ</t>
    </rPh>
    <phoneticPr fontId="1"/>
  </si>
  <si>
    <t>ウ　当年度の委託費（前期末支払資金ではなく）を法人本部
　の運営に要する経費に充当していないか。
　（いない場合…「適」・いる場合…「不適」）</t>
    <rPh sb="2" eb="5">
      <t>トウネンド</t>
    </rPh>
    <rPh sb="6" eb="8">
      <t>イタク</t>
    </rPh>
    <rPh sb="8" eb="9">
      <t>ヒ</t>
    </rPh>
    <rPh sb="10" eb="13">
      <t>ゼンキマツ</t>
    </rPh>
    <rPh sb="13" eb="15">
      <t>シハライ</t>
    </rPh>
    <rPh sb="15" eb="17">
      <t>シキン</t>
    </rPh>
    <rPh sb="23" eb="25">
      <t>ホウジン</t>
    </rPh>
    <rPh sb="25" eb="27">
      <t>ホンブ</t>
    </rPh>
    <rPh sb="30" eb="32">
      <t>ウンエイ</t>
    </rPh>
    <rPh sb="33" eb="34">
      <t>ヨウ</t>
    </rPh>
    <rPh sb="36" eb="38">
      <t>ケイヒ</t>
    </rPh>
    <rPh sb="39" eb="41">
      <t>ジュウトウ</t>
    </rPh>
    <rPh sb="54" eb="56">
      <t>バアイ</t>
    </rPh>
    <rPh sb="58" eb="59">
      <t>テキ</t>
    </rPh>
    <rPh sb="63" eb="65">
      <t>バアイ</t>
    </rPh>
    <rPh sb="67" eb="69">
      <t>フテキ</t>
    </rPh>
    <phoneticPr fontId="1"/>
  </si>
  <si>
    <t>１　特に注釈のない限り、施設ごとに令和８年３月３１日までの根拠法令等に基づき作成してください。</t>
    <phoneticPr fontId="1"/>
  </si>
  <si>
    <t>４　特に期日の指定がない事項については、前年度の状況について記入してください。</t>
    <phoneticPr fontId="1"/>
  </si>
  <si>
    <t>７　添付資料については、Ａ４版（監査資料サイズ）に統一してください。</t>
    <phoneticPr fontId="1"/>
  </si>
  <si>
    <t>・理事会等で議決した令和７年度最終補正予算書の写し（法人監査時のみ）</t>
    <rPh sb="26" eb="28">
      <t>ホウジン</t>
    </rPh>
    <rPh sb="28" eb="30">
      <t>カンサ</t>
    </rPh>
    <rPh sb="30" eb="31">
      <t>ジ</t>
    </rPh>
    <phoneticPr fontId="1"/>
  </si>
  <si>
    <t>（注）ここでいう「修繕」とは同一の設置者が設置する他の保育所の修繕費用に充てた場合を指します。</t>
    <rPh sb="42" eb="43">
      <t>サ</t>
    </rPh>
    <phoneticPr fontId="1"/>
  </si>
  <si>
    <t xml:space="preserve"> ※　積立金を取り崩して充当した支出を除いて計上すること。</t>
    <rPh sb="7" eb="8">
      <t>ト</t>
    </rPh>
    <rPh sb="9" eb="10">
      <t>クズ</t>
    </rPh>
    <phoneticPr fontId="1"/>
  </si>
  <si>
    <t>Ⅲ　就労支援事業　</t>
    <phoneticPr fontId="1"/>
  </si>
  <si>
    <t>１　運営費
　</t>
    <phoneticPr fontId="1"/>
  </si>
  <si>
    <t>１　運営費</t>
    <phoneticPr fontId="1"/>
  </si>
  <si>
    <t>Ⅴ　保育所</t>
    <rPh sb="2" eb="4">
      <t>ホイク</t>
    </rPh>
    <rPh sb="4" eb="5">
      <t>ショ</t>
    </rPh>
    <phoneticPr fontId="1"/>
  </si>
  <si>
    <t>２　委託費</t>
    <phoneticPr fontId="1"/>
  </si>
  <si>
    <t>Ⅳ　措置費支弁施設</t>
    <rPh sb="2" eb="4">
      <t>ソチ</t>
    </rPh>
    <rPh sb="4" eb="5">
      <t>ヒ</t>
    </rPh>
    <rPh sb="5" eb="7">
      <t>シベン</t>
    </rPh>
    <rPh sb="7" eb="9">
      <t>シセツ</t>
    </rPh>
    <phoneticPr fontId="1"/>
  </si>
  <si>
    <t>・取引金融機関の発行する年度末のすべての預金（貯金）残高証明書（写）</t>
    <rPh sb="12" eb="15">
      <t>ネンドマツ</t>
    </rPh>
    <rPh sb="23" eb="25">
      <t>チョキン</t>
    </rPh>
    <phoneticPr fontId="1"/>
  </si>
  <si>
    <t xml:space="preserve">１　資金の運用
</t>
    <rPh sb="2" eb="4">
      <t>シキン</t>
    </rPh>
    <rPh sb="5" eb="7">
      <t>ウンヨウ</t>
    </rPh>
    <phoneticPr fontId="1"/>
  </si>
  <si>
    <t>（１）指定介護老人福祉施設に帰属する収入を収益事業に要す
　　る経費に充てていないか。</t>
    <rPh sb="3" eb="5">
      <t>シテイ</t>
    </rPh>
    <rPh sb="5" eb="7">
      <t>カイゴ</t>
    </rPh>
    <rPh sb="7" eb="9">
      <t>ロウジン</t>
    </rPh>
    <rPh sb="9" eb="11">
      <t>フクシ</t>
    </rPh>
    <rPh sb="11" eb="13">
      <t>シセツ</t>
    </rPh>
    <rPh sb="14" eb="16">
      <t>キゾク</t>
    </rPh>
    <rPh sb="18" eb="20">
      <t>シュウニュウ</t>
    </rPh>
    <rPh sb="21" eb="23">
      <t>シュウエキ</t>
    </rPh>
    <rPh sb="23" eb="25">
      <t>ジギョウ</t>
    </rPh>
    <rPh sb="26" eb="27">
      <t>ヨウ</t>
    </rPh>
    <rPh sb="32" eb="34">
      <t>ケイヒ</t>
    </rPh>
    <rPh sb="35" eb="36">
      <t>ア</t>
    </rPh>
    <phoneticPr fontId="1"/>
  </si>
  <si>
    <t>（２）指定介護老人福祉施設に帰属する収入を社会福祉法人外
　　への資金の流出（貸付を含む。）に属する経費に充ててい
　　ないか。</t>
    <rPh sb="21" eb="27">
      <t>シャ</t>
    </rPh>
    <rPh sb="27" eb="28">
      <t>ソト</t>
    </rPh>
    <rPh sb="33" eb="35">
      <t>シキン</t>
    </rPh>
    <rPh sb="36" eb="38">
      <t>リュウシュツ</t>
    </rPh>
    <rPh sb="39" eb="41">
      <t>カシツケ</t>
    </rPh>
    <rPh sb="42" eb="43">
      <t>フク</t>
    </rPh>
    <rPh sb="47" eb="48">
      <t>ゾク</t>
    </rPh>
    <rPh sb="50" eb="52">
      <t>ケイヒ</t>
    </rPh>
    <rPh sb="53" eb="54">
      <t>ア</t>
    </rPh>
    <phoneticPr fontId="1"/>
  </si>
  <si>
    <t>（３）指定介護老人福祉施設に帰属する収入を高額な役員報酬
　　など実質的な剰余金の配当と認められる経費に充てていな
　　いか。</t>
    <rPh sb="21" eb="23">
      <t>コウガク</t>
    </rPh>
    <rPh sb="24" eb="26">
      <t>ヤクイン</t>
    </rPh>
    <rPh sb="26" eb="28">
      <t>ホウシュウ</t>
    </rPh>
    <rPh sb="33" eb="36">
      <t>ジッシツテキ</t>
    </rPh>
    <rPh sb="37" eb="40">
      <t>ジョウヨキン</t>
    </rPh>
    <rPh sb="41" eb="43">
      <t>ハイトウ</t>
    </rPh>
    <rPh sb="44" eb="45">
      <t>ミト</t>
    </rPh>
    <rPh sb="49" eb="51">
      <t>ケイヒ</t>
    </rPh>
    <rPh sb="52" eb="53">
      <t>ア</t>
    </rPh>
    <phoneticPr fontId="1"/>
  </si>
  <si>
    <t>　他の事業区分、拠点区分、サービス区分への資金の繰入れが
あるか。</t>
    <rPh sb="1" eb="2">
      <t>ホカ</t>
    </rPh>
    <rPh sb="3" eb="5">
      <t>ジギョウ</t>
    </rPh>
    <rPh sb="5" eb="7">
      <t>クブン</t>
    </rPh>
    <rPh sb="8" eb="10">
      <t>キョテン</t>
    </rPh>
    <rPh sb="10" eb="12">
      <t>クブン</t>
    </rPh>
    <rPh sb="17" eb="19">
      <t>クブン</t>
    </rPh>
    <rPh sb="21" eb="23">
      <t>シキン</t>
    </rPh>
    <rPh sb="24" eb="26">
      <t>クリイ</t>
    </rPh>
    <phoneticPr fontId="1"/>
  </si>
  <si>
    <t>※「ある」場合、下記ア、イを回答すること。</t>
    <rPh sb="5" eb="7">
      <t>バアイ</t>
    </rPh>
    <rPh sb="8" eb="10">
      <t>カキ</t>
    </rPh>
    <rPh sb="14" eb="16">
      <t>カイトウ</t>
    </rPh>
    <phoneticPr fontId="1"/>
  </si>
  <si>
    <t xml:space="preserve">
□</t>
    <phoneticPr fontId="1"/>
  </si>
  <si>
    <t xml:space="preserve">
□</t>
    <phoneticPr fontId="1"/>
  </si>
  <si>
    <t>④事業区分間及び拠点区分間繰入金明細書　　⑤事業区分間及び拠点区分間貸付金（借入金）残高明細書</t>
    <phoneticPr fontId="1"/>
  </si>
  <si>
    <t>⑬サービス区分間繰入金明細書　　⑭サービス区分間貸付金（借入金）残高明細書</t>
    <phoneticPr fontId="1"/>
  </si>
  <si>
    <t>⑩拠点区分資金収支明細書　　⑪拠点区分事業活動明細書　　⑫積立金・積立資産明細書</t>
    <phoneticPr fontId="1"/>
  </si>
  <si>
    <t>３　資金の繰替使
　用（貸付）</t>
    <rPh sb="2" eb="4">
      <t>シキン</t>
    </rPh>
    <rPh sb="5" eb="7">
      <t>クリカ</t>
    </rPh>
    <rPh sb="7" eb="8">
      <t>シ</t>
    </rPh>
    <rPh sb="10" eb="11">
      <t>ヨウ</t>
    </rPh>
    <rPh sb="12" eb="14">
      <t>カシツケ</t>
    </rPh>
    <phoneticPr fontId="1"/>
  </si>
  <si>
    <t>（ある場合）
　介護保険法第23条に規定する居宅サービス事業等への貸付を除き、繰替使用した資金は、年度内に補てん（返済）されているか。</t>
    <rPh sb="3" eb="5">
      <t>バアイ</t>
    </rPh>
    <rPh sb="39" eb="41">
      <t>クリカ</t>
    </rPh>
    <rPh sb="41" eb="43">
      <t>シヨウ</t>
    </rPh>
    <rPh sb="45" eb="47">
      <t>シキン</t>
    </rPh>
    <phoneticPr fontId="1"/>
  </si>
  <si>
    <t>　他の事業区分、拠点区分、サービス区分への資金の貸付けがあるか。</t>
    <rPh sb="1" eb="2">
      <t>ホカ</t>
    </rPh>
    <rPh sb="3" eb="5">
      <t>ジギョウ</t>
    </rPh>
    <rPh sb="5" eb="7">
      <t>クブン</t>
    </rPh>
    <rPh sb="8" eb="10">
      <t>キョテン</t>
    </rPh>
    <rPh sb="10" eb="12">
      <t>クブン</t>
    </rPh>
    <rPh sb="17" eb="19">
      <t>クブン</t>
    </rPh>
    <rPh sb="21" eb="23">
      <t>シキン</t>
    </rPh>
    <rPh sb="24" eb="26">
      <t>カシツ</t>
    </rPh>
    <phoneticPr fontId="1"/>
  </si>
  <si>
    <t>　役員等の報酬が、社会的批判を受けるような高額又は多額なものとなっていないか。</t>
    <rPh sb="1" eb="3">
      <t>ヤクイン</t>
    </rPh>
    <rPh sb="3" eb="4">
      <t>トウ</t>
    </rPh>
    <rPh sb="5" eb="7">
      <t>ホウシュウ</t>
    </rPh>
    <rPh sb="9" eb="12">
      <t>シャカイテキ</t>
    </rPh>
    <rPh sb="12" eb="14">
      <t>ヒハン</t>
    </rPh>
    <rPh sb="15" eb="16">
      <t>ウ</t>
    </rPh>
    <rPh sb="21" eb="23">
      <t>コウガク</t>
    </rPh>
    <rPh sb="23" eb="24">
      <t>マタ</t>
    </rPh>
    <rPh sb="25" eb="27">
      <t>タガク</t>
    </rPh>
    <phoneticPr fontId="1"/>
  </si>
  <si>
    <t>（１）指定障害者支援施設等に帰属する収入を収益事業に要す
　　る経費に充てていないか。</t>
    <rPh sb="3" eb="5">
      <t>シテイ</t>
    </rPh>
    <rPh sb="5" eb="8">
      <t>ショウガイシャ</t>
    </rPh>
    <rPh sb="8" eb="10">
      <t>シエン</t>
    </rPh>
    <rPh sb="10" eb="12">
      <t>シセツ</t>
    </rPh>
    <rPh sb="12" eb="13">
      <t>トウ</t>
    </rPh>
    <rPh sb="14" eb="16">
      <t>キゾク</t>
    </rPh>
    <rPh sb="18" eb="20">
      <t>シュウニュウ</t>
    </rPh>
    <rPh sb="21" eb="23">
      <t>シュウエキ</t>
    </rPh>
    <rPh sb="23" eb="25">
      <t>ジギョウ</t>
    </rPh>
    <rPh sb="26" eb="27">
      <t>ヨウ</t>
    </rPh>
    <rPh sb="32" eb="34">
      <t>ケイヒ</t>
    </rPh>
    <rPh sb="35" eb="36">
      <t>ア</t>
    </rPh>
    <phoneticPr fontId="1"/>
  </si>
  <si>
    <t>（２）指定障害者支援施設等に帰属する収入を社会福祉法人外
　　への資金の流出（貸付を含む。）に属する経費に充ててい
　　ないか。</t>
    <rPh sb="21" eb="27">
      <t>シャ</t>
    </rPh>
    <rPh sb="27" eb="28">
      <t>ソト</t>
    </rPh>
    <rPh sb="33" eb="35">
      <t>シキン</t>
    </rPh>
    <rPh sb="36" eb="38">
      <t>リュウシュツ</t>
    </rPh>
    <rPh sb="39" eb="41">
      <t>カシツケ</t>
    </rPh>
    <rPh sb="42" eb="43">
      <t>フク</t>
    </rPh>
    <rPh sb="47" eb="48">
      <t>ゾク</t>
    </rPh>
    <rPh sb="50" eb="52">
      <t>ケイヒ</t>
    </rPh>
    <rPh sb="53" eb="54">
      <t>ア</t>
    </rPh>
    <phoneticPr fontId="1"/>
  </si>
  <si>
    <t>（３）指定障害者支援施設等に帰属する収入を役員報酬など実
　　質的な剰余金の配当と認められる経費に充てていないか。</t>
    <rPh sb="21" eb="23">
      <t>ヤクイン</t>
    </rPh>
    <rPh sb="23" eb="25">
      <t>ホウシュウ</t>
    </rPh>
    <rPh sb="27" eb="28">
      <t>ジツ</t>
    </rPh>
    <rPh sb="31" eb="32">
      <t>シツ</t>
    </rPh>
    <rPh sb="32" eb="33">
      <t>テキ</t>
    </rPh>
    <rPh sb="34" eb="37">
      <t>ジョウヨキン</t>
    </rPh>
    <rPh sb="38" eb="40">
      <t>ハイトウ</t>
    </rPh>
    <rPh sb="41" eb="42">
      <t>ミト</t>
    </rPh>
    <rPh sb="46" eb="48">
      <t>ケイヒ</t>
    </rPh>
    <rPh sb="49" eb="50">
      <t>ア</t>
    </rPh>
    <phoneticPr fontId="1"/>
  </si>
  <si>
    <t>※「ある」場合、下記ア、イを回答すること。</t>
    <phoneticPr fontId="1"/>
  </si>
  <si>
    <t>３　資金の繰替
　使用（貸付）</t>
    <rPh sb="2" eb="4">
      <t>シキン</t>
    </rPh>
    <rPh sb="5" eb="7">
      <t>クリカ</t>
    </rPh>
    <rPh sb="9" eb="10">
      <t>シ</t>
    </rPh>
    <rPh sb="10" eb="11">
      <t>ヨウ</t>
    </rPh>
    <rPh sb="12" eb="14">
      <t>カシツケ</t>
    </rPh>
    <phoneticPr fontId="1"/>
  </si>
  <si>
    <t>（ある場合）
　繰替えて使用した資金は、年度内に補てん（返済）されて
いるか。</t>
    <rPh sb="3" eb="5">
      <t>バアイ</t>
    </rPh>
    <rPh sb="8" eb="9">
      <t>ク</t>
    </rPh>
    <rPh sb="9" eb="10">
      <t>カ</t>
    </rPh>
    <rPh sb="12" eb="14">
      <t>シヨウ</t>
    </rPh>
    <rPh sb="16" eb="18">
      <t>シキン</t>
    </rPh>
    <phoneticPr fontId="1"/>
  </si>
  <si>
    <t>　役員等の報酬が、社会的批判を受けるような高額又は多額
なものとなっていないか。</t>
    <rPh sb="1" eb="3">
      <t>ヤクイン</t>
    </rPh>
    <rPh sb="3" eb="4">
      <t>トウ</t>
    </rPh>
    <rPh sb="5" eb="7">
      <t>ホウシュウ</t>
    </rPh>
    <rPh sb="9" eb="12">
      <t>シャカイテキ</t>
    </rPh>
    <rPh sb="12" eb="14">
      <t>ヒハン</t>
    </rPh>
    <rPh sb="15" eb="16">
      <t>ウ</t>
    </rPh>
    <rPh sb="21" eb="23">
      <t>コウガク</t>
    </rPh>
    <rPh sb="23" eb="24">
      <t>マタ</t>
    </rPh>
    <rPh sb="25" eb="27">
      <t>タガク</t>
    </rPh>
    <phoneticPr fontId="1"/>
  </si>
  <si>
    <t>（７）運営費の貸付けについて</t>
    <rPh sb="3" eb="5">
      <t>ウンエイ</t>
    </rPh>
    <rPh sb="5" eb="6">
      <t>ヒ</t>
    </rPh>
    <phoneticPr fontId="1"/>
  </si>
  <si>
    <t xml:space="preserve">
◎弾力運用課長通知問５（会－14参照）</t>
    <phoneticPr fontId="1"/>
  </si>
  <si>
    <t>(ｳ)   キャリアパス要件及び賃金改善要件のいずれも満た
　している。</t>
    <rPh sb="12" eb="14">
      <t>ヨウケン</t>
    </rPh>
    <rPh sb="14" eb="15">
      <t>オヨ</t>
    </rPh>
    <rPh sb="27" eb="28">
      <t>ミ</t>
    </rPh>
    <phoneticPr fontId="1"/>
  </si>
  <si>
    <t>◎経理等通知別表１、別表２（会－22参照）</t>
    <rPh sb="10" eb="11">
      <t>ベツ</t>
    </rPh>
    <rPh sb="11" eb="12">
      <t>ヒョウ</t>
    </rPh>
    <phoneticPr fontId="1"/>
  </si>
  <si>
    <t>◎経理等通知１の(5)（会－18参照）</t>
    <phoneticPr fontId="1"/>
  </si>
  <si>
    <t>◎経理等通知１の(4)（会－18参照）</t>
    <rPh sb="16" eb="18">
      <t>サンショウ</t>
    </rPh>
    <phoneticPr fontId="1"/>
  </si>
  <si>
    <t>要件１・２を満たす場合</t>
    <phoneticPr fontId="1"/>
  </si>
  <si>
    <t>ア　区分１、区分２及び区分３は、職員の賃金改善に充て
　られているか。</t>
    <rPh sb="2" eb="4">
      <t>クブン</t>
    </rPh>
    <rPh sb="6" eb="8">
      <t>クブン</t>
    </rPh>
    <rPh sb="9" eb="10">
      <t>オヨ</t>
    </rPh>
    <rPh sb="11" eb="13">
      <t>クブン</t>
    </rPh>
    <phoneticPr fontId="1"/>
  </si>
  <si>
    <t>※会－17の弾力運用要件１及び２を満たす場合は下表１～小計Ａ、弾力運用要件１～３を全て満たす場合は下表６</t>
    <rPh sb="1" eb="2">
      <t>カイ</t>
    </rPh>
    <phoneticPr fontId="1"/>
  </si>
  <si>
    <t>ア　同一法人内の各サービス区分、各拠点区分及び各事業区
　分に対する運営費の貸付けがある場合、年度内に清算され
　ているか。</t>
    <rPh sb="16" eb="17">
      <t>カク</t>
    </rPh>
    <rPh sb="17" eb="19">
      <t>キョテン</t>
    </rPh>
    <rPh sb="19" eb="21">
      <t>クブン</t>
    </rPh>
    <rPh sb="21" eb="22">
      <t>オヨ</t>
    </rPh>
    <rPh sb="23" eb="24">
      <t>カク</t>
    </rPh>
    <rPh sb="34" eb="36">
      <t>ウンエイ</t>
    </rPh>
    <rPh sb="51" eb="53">
      <t>セイサン</t>
    </rPh>
    <phoneticPr fontId="1"/>
  </si>
  <si>
    <t>　他の事業区分、拠点区分、サービス区分への資金の貸付けが
あるか。</t>
    <rPh sb="1" eb="2">
      <t>ホカ</t>
    </rPh>
    <rPh sb="3" eb="5">
      <t>ジギョウ</t>
    </rPh>
    <rPh sb="5" eb="7">
      <t>クブン</t>
    </rPh>
    <rPh sb="8" eb="10">
      <t>キョテン</t>
    </rPh>
    <rPh sb="10" eb="12">
      <t>クブン</t>
    </rPh>
    <rPh sb="17" eb="19">
      <t>クブン</t>
    </rPh>
    <rPh sb="21" eb="23">
      <t>シキン</t>
    </rPh>
    <rPh sb="24" eb="26">
      <t>カシツ</t>
    </rPh>
    <phoneticPr fontId="1"/>
  </si>
  <si>
    <t>□事業区分間及び拠点区分間繰入金明細書（別紙３(④)）
□サービス区分間繰入金明細書（別紙３(⑬)）
□拠点区分資金収支明細書（別紙３(⑩)）</t>
    <rPh sb="13" eb="15">
      <t>クリイレ</t>
    </rPh>
    <rPh sb="15" eb="16">
      <t>キン</t>
    </rPh>
    <rPh sb="20" eb="22">
      <t>ベッシ</t>
    </rPh>
    <rPh sb="44" eb="46">
      <t>ベッシ</t>
    </rPh>
    <rPh sb="66" eb="68">
      <t>ベッシ</t>
    </rPh>
    <phoneticPr fontId="1"/>
  </si>
  <si>
    <t>□事業区分間及び拠点区分間貸付金（借入金）残高明細書（別紙３(⑤)）
□サービス区分間貸付金（借入金）残高明細書（別紙３(⑭)）</t>
    <rPh sb="27" eb="29">
      <t>ベッシ</t>
    </rPh>
    <rPh sb="44" eb="46">
      <t>カシツケ</t>
    </rPh>
    <rPh sb="46" eb="47">
      <t>キン</t>
    </rPh>
    <rPh sb="48" eb="51">
      <t>シャクニュウキン</t>
    </rPh>
    <rPh sb="52" eb="54">
      <t>ザンダカ</t>
    </rPh>
    <phoneticPr fontId="1"/>
  </si>
  <si>
    <t>（ある場合）
　当該施設の経常活動資金収支差額に資金残高が生じ、かつ、当期資金収支差額合計に資金不足が生じない範囲となっているか。
・経常活動資金収支差額　（　　　　　　　　　　　　円）
・当期資金収支差額　　　（　　　　　　　　　　　　円）</t>
    <rPh sb="3" eb="5">
      <t>バアイ</t>
    </rPh>
    <rPh sb="8" eb="10">
      <t>トウガイ</t>
    </rPh>
    <rPh sb="10" eb="12">
      <t>シセツ</t>
    </rPh>
    <rPh sb="13" eb="15">
      <t>ケイジョウ</t>
    </rPh>
    <rPh sb="15" eb="17">
      <t>カツドウ</t>
    </rPh>
    <rPh sb="17" eb="19">
      <t>シキン</t>
    </rPh>
    <rPh sb="19" eb="21">
      <t>シュウシ</t>
    </rPh>
    <rPh sb="55" eb="57">
      <t>ハンイ</t>
    </rPh>
    <phoneticPr fontId="1"/>
  </si>
  <si>
    <t>□積立金・積立資
　産明細書
　（別紙３(⑫)）
□理事会の議事録</t>
    <rPh sb="13" eb="14">
      <t>ショ</t>
    </rPh>
    <rPh sb="26" eb="29">
      <t>リジカイ</t>
    </rPh>
    <rPh sb="30" eb="33">
      <t>ギジロク</t>
    </rPh>
    <phoneticPr fontId="1"/>
  </si>
  <si>
    <t>□事業区分間及び拠点区分間貸付金（借入金）残高明細書（別紙３(⑤)）
□サービス区分間貸付金（借入金）残高明細書（別紙３(⑭)）</t>
    <phoneticPr fontId="1"/>
  </si>
  <si>
    <t>【根拠法令等の名称及び文中の略称】</t>
    <rPh sb="1" eb="3">
      <t>コンキョ</t>
    </rPh>
    <rPh sb="3" eb="5">
      <t>ホウレイ</t>
    </rPh>
    <rPh sb="5" eb="6">
      <t>トウ</t>
    </rPh>
    <rPh sb="7" eb="9">
      <t>メイショウ</t>
    </rPh>
    <rPh sb="9" eb="10">
      <t>オヨ</t>
    </rPh>
    <rPh sb="11" eb="13">
      <t>ブンチュウ</t>
    </rPh>
    <rPh sb="14" eb="16">
      <t>リャクショウ</t>
    </rPh>
    <phoneticPr fontId="1"/>
  </si>
  <si>
    <t>令和８年度</t>
    <rPh sb="0" eb="2">
      <t>レイワ</t>
    </rPh>
    <rPh sb="3" eb="5">
      <t>ネンド</t>
    </rPh>
    <phoneticPr fontId="1"/>
  </si>
  <si>
    <t>法　　　人</t>
    <rPh sb="0" eb="1">
      <t>ホウ</t>
    </rPh>
    <rPh sb="4" eb="5">
      <t>ヒト</t>
    </rPh>
    <phoneticPr fontId="1"/>
  </si>
  <si>
    <t>　　　</t>
    <phoneticPr fontId="1"/>
  </si>
  <si>
    <t>施　　　設</t>
    <rPh sb="0" eb="1">
      <t>シ</t>
    </rPh>
    <rPh sb="4" eb="5">
      <t>セツ</t>
    </rPh>
    <phoneticPr fontId="1"/>
  </si>
  <si>
    <t>種別</t>
    <rPh sb="0" eb="2">
      <t>シュベツ</t>
    </rPh>
    <phoneticPr fontId="1"/>
  </si>
  <si>
    <t>〒</t>
    <phoneticPr fontId="1"/>
  </si>
  <si>
    <t>名　称</t>
    <rPh sb="0" eb="1">
      <t>メイ</t>
    </rPh>
    <rPh sb="2" eb="3">
      <t>ショウ</t>
    </rPh>
    <phoneticPr fontId="1"/>
  </si>
  <si>
    <t>電話番号</t>
    <rPh sb="0" eb="2">
      <t>デンワ</t>
    </rPh>
    <rPh sb="2" eb="4">
      <t>バンゴウ</t>
    </rPh>
    <phoneticPr fontId="1"/>
  </si>
  <si>
    <t>E-mail</t>
    <phoneticPr fontId="1"/>
  </si>
  <si>
    <t>年月日</t>
    <rPh sb="0" eb="3">
      <t>ネンガッピ</t>
    </rPh>
    <phoneticPr fontId="1"/>
  </si>
  <si>
    <t>点検者</t>
    <rPh sb="0" eb="2">
      <t>テンケン</t>
    </rPh>
    <rPh sb="2" eb="3">
      <t>シャ</t>
    </rPh>
    <phoneticPr fontId="1"/>
  </si>
  <si>
    <t>指導監査当日
の対応者</t>
    <rPh sb="0" eb="2">
      <t>シドウ</t>
    </rPh>
    <rPh sb="2" eb="4">
      <t>カンサ</t>
    </rPh>
    <rPh sb="4" eb="6">
      <t>トウジツ</t>
    </rPh>
    <rPh sb="8" eb="10">
      <t>タイオウ</t>
    </rPh>
    <rPh sb="10" eb="11">
      <t>シャ</t>
    </rPh>
    <phoneticPr fontId="1"/>
  </si>
  <si>
    <t>職・氏名</t>
    <rPh sb="0" eb="1">
      <t>ショク</t>
    </rPh>
    <rPh sb="2" eb="4">
      <t>シメイ</t>
    </rPh>
    <phoneticPr fontId="1"/>
  </si>
  <si>
    <t>指導監査課</t>
    <rPh sb="0" eb="2">
      <t>シドウ</t>
    </rPh>
    <rPh sb="2" eb="4">
      <t>カンサ</t>
    </rPh>
    <rPh sb="4" eb="5">
      <t>カ</t>
    </rPh>
    <phoneticPr fontId="1"/>
  </si>
  <si>
    <t>監査年月日</t>
    <rPh sb="0" eb="2">
      <t>カンサ</t>
    </rPh>
    <rPh sb="2" eb="5">
      <t>ネンガッピ</t>
    </rPh>
    <phoneticPr fontId="1"/>
  </si>
  <si>
    <t>職・氏名</t>
    <phoneticPr fontId="1"/>
  </si>
  <si>
    <r>
      <t>※</t>
    </r>
    <r>
      <rPr>
        <b/>
        <u/>
        <sz val="11"/>
        <color theme="1"/>
        <rFont val="ＭＳ Ｐゴシック"/>
        <family val="3"/>
        <charset val="128"/>
      </rPr>
      <t>太枠</t>
    </r>
    <r>
      <rPr>
        <sz val="11"/>
        <color theme="1"/>
        <rFont val="ＭＳ Ｐゴシック"/>
        <family val="3"/>
        <charset val="128"/>
      </rPr>
      <t>のみ記入し、自主点検終了後、指導監査課へ1部、提出してください。</t>
    </r>
    <rPh sb="1" eb="3">
      <t>フトワク</t>
    </rPh>
    <rPh sb="5" eb="7">
      <t>キニュウ</t>
    </rPh>
    <rPh sb="9" eb="11">
      <t>ジシュ</t>
    </rPh>
    <rPh sb="11" eb="13">
      <t>テンケン</t>
    </rPh>
    <rPh sb="13" eb="16">
      <t>シュウリョウゴ</t>
    </rPh>
    <rPh sb="17" eb="19">
      <t>シドウ</t>
    </rPh>
    <rPh sb="19" eb="21">
      <t>カンサ</t>
    </rPh>
    <rPh sb="21" eb="22">
      <t>カ</t>
    </rPh>
    <rPh sb="24" eb="25">
      <t>ブ</t>
    </rPh>
    <rPh sb="26" eb="28">
      <t>テイシュツ</t>
    </rPh>
    <phoneticPr fontId="1"/>
  </si>
  <si>
    <t>目　　次</t>
    <rPh sb="0" eb="1">
      <t>メ</t>
    </rPh>
    <rPh sb="3" eb="4">
      <t>ツギ</t>
    </rPh>
    <phoneticPr fontId="1"/>
  </si>
  <si>
    <t>【　概要報告書　】</t>
  </si>
  <si>
    <t>Ｎｏ．３　会計経理</t>
    <rPh sb="5" eb="7">
      <t>カイケイ</t>
    </rPh>
    <rPh sb="7" eb="9">
      <t>ケイリ</t>
    </rPh>
    <phoneticPr fontId="1"/>
  </si>
  <si>
    <t>（施設会計）</t>
    <rPh sb="1" eb="3">
      <t>シセツ</t>
    </rPh>
    <rPh sb="3" eb="5">
      <t>カイケイ</t>
    </rPh>
    <phoneticPr fontId="1"/>
  </si>
  <si>
    <t>※施設ごとに作成してください。</t>
  </si>
  <si>
    <t>施設長</t>
    <rPh sb="0" eb="3">
      <t>シセツチョウ</t>
    </rPh>
    <phoneticPr fontId="1"/>
  </si>
  <si>
    <t>会計責任者</t>
    <rPh sb="0" eb="2">
      <t>カイケイ</t>
    </rPh>
    <rPh sb="2" eb="5">
      <t>セキニンシャ</t>
    </rPh>
    <phoneticPr fontId="1"/>
  </si>
  <si>
    <t>社会福祉施設等自主点検表</t>
    <rPh sb="0" eb="2">
      <t>シャカイ</t>
    </rPh>
    <rPh sb="2" eb="4">
      <t>フクシ</t>
    </rPh>
    <rPh sb="4" eb="6">
      <t>シセツ</t>
    </rPh>
    <rPh sb="6" eb="7">
      <t>トウ</t>
    </rPh>
    <rPh sb="7" eb="9">
      <t>ジシュ</t>
    </rPh>
    <rPh sb="9" eb="11">
      <t>テンケン</t>
    </rPh>
    <rPh sb="11" eb="12">
      <t>ヒョウ</t>
    </rPh>
    <phoneticPr fontId="1"/>
  </si>
  <si>
    <t>２　本表は各事項について自主点検を行い、その結果を「点検結果」欄の該当項目の □ に ✓チェック</t>
    <rPh sb="26" eb="28">
      <t>テンケン</t>
    </rPh>
    <rPh sb="28" eb="30">
      <t>ケッカ</t>
    </rPh>
    <phoneticPr fontId="1"/>
  </si>
  <si>
    <t>　（又は■）してください。（エクセルでのデータ入力の場合はドロップダウンリストが表示されます。）</t>
    <rPh sb="23" eb="25">
      <t>ニュウリョク</t>
    </rPh>
    <rPh sb="26" eb="28">
      <t>バアイ</t>
    </rPh>
    <rPh sb="40" eb="42">
      <t>ヒョウジ</t>
    </rPh>
    <phoneticPr fontId="1"/>
  </si>
  <si>
    <t>３　該当しない事項、または前年度事例がない場合は、「点検結果」欄の「該当なし」に✓チェック</t>
    <rPh sb="26" eb="28">
      <t>テンケン</t>
    </rPh>
    <rPh sb="28" eb="30">
      <t>ケッカ</t>
    </rPh>
    <rPh sb="34" eb="36">
      <t>ガイトウ</t>
    </rPh>
    <phoneticPr fontId="1"/>
  </si>
  <si>
    <t>　（又は■）してください。</t>
    <phoneticPr fontId="1"/>
  </si>
  <si>
    <t>６　「着眼点」内にある色が付いた部分に該当する場合は、文言又は数値を記入してください。なお、</t>
    <rPh sb="7" eb="8">
      <t>ナイ</t>
    </rPh>
    <rPh sb="11" eb="12">
      <t>イロ</t>
    </rPh>
    <rPh sb="13" eb="14">
      <t>ツ</t>
    </rPh>
    <rPh sb="16" eb="18">
      <t>ブブン</t>
    </rPh>
    <rPh sb="19" eb="21">
      <t>ガイトウ</t>
    </rPh>
    <rPh sb="27" eb="29">
      <t>モンゴン</t>
    </rPh>
    <rPh sb="29" eb="30">
      <t>マタ</t>
    </rPh>
    <rPh sb="31" eb="33">
      <t>スウチ</t>
    </rPh>
    <rPh sb="34" eb="36">
      <t>キニュウ</t>
    </rPh>
    <phoneticPr fontId="1"/>
  </si>
  <si>
    <t>　「着眼点」の記載欄が不足するときは、別紙に記載して添付してください。</t>
    <phoneticPr fontId="1"/>
  </si>
  <si>
    <t>８　該当する施設のページを記入してください。該当のない項目は記入する必要はありませんが、その</t>
    <phoneticPr fontId="1"/>
  </si>
  <si>
    <t>　場合は未記入のまま提出してください。</t>
    <phoneticPr fontId="1"/>
  </si>
  <si>
    <t>　必ず添付してください。</t>
    <phoneticPr fontId="1"/>
  </si>
  <si>
    <t>（３）目的外で取り崩した積立金がある場合、事前に理事会
　　（会－11の（１）のエのみを満たさない場合は市）の承
　　認を得ているか。</t>
    <rPh sb="31" eb="32">
      <t>カイ</t>
    </rPh>
    <phoneticPr fontId="1"/>
  </si>
  <si>
    <t>（４）同一法人が運営する社会福祉施設等の整備等に係る経
　　費として借り入れた独立行政法人福祉医療機構等からの
　　借入金の償還金及びその利息への運営費の充当がある場
　　合、充当額は民間施設給与等改善費相当額（会－11の
　　（１）のエのみを満たさない場合は同管理費加算相当額）
　　以内であるか。</t>
    <phoneticPr fontId="1"/>
  </si>
  <si>
    <t>（５）前期末支払資金残高の取崩しがある場合、事前に理事
　　会（会－11の（１）のエのみを満たさない場合は市）の
　　承認を得ているか。</t>
    <phoneticPr fontId="1"/>
  </si>
  <si>
    <t>◎経理等通知
別表３、別表４
別表５
（会－20参照）</t>
    <rPh sb="15" eb="16">
      <t>ベツ</t>
    </rPh>
    <rPh sb="16" eb="17">
      <t>ヒョウ</t>
    </rPh>
    <phoneticPr fontId="1"/>
  </si>
  <si>
    <t>◎経理等運用通知
問１１
（会－18参照）
◎経理等運用通知
問１２
（会－20参照）</t>
    <rPh sb="1" eb="3">
      <t>ケイリ</t>
    </rPh>
    <rPh sb="3" eb="4">
      <t>トウ</t>
    </rPh>
    <rPh sb="4" eb="6">
      <t>ウンヨウ</t>
    </rPh>
    <rPh sb="6" eb="8">
      <t>ツウチ</t>
    </rPh>
    <rPh sb="9" eb="10">
      <t>トイ</t>
    </rPh>
    <rPh sb="14" eb="15">
      <t>カイ</t>
    </rPh>
    <rPh sb="18" eb="20">
      <t>サンショウ</t>
    </rPh>
    <rPh sb="31" eb="32">
      <t>トイ</t>
    </rPh>
    <phoneticPr fontId="1"/>
  </si>
  <si>
    <t>◎経理等通知１の(3)（会－16参照）</t>
    <phoneticPr fontId="1"/>
  </si>
  <si>
    <t>◎経理等通知１の(4)（会－16参照）</t>
    <phoneticPr fontId="1"/>
  </si>
  <si>
    <r>
      <t xml:space="preserve">※会－15の弾力運用要件１及び２を満たす場合は、下表１
</t>
    </r>
    <r>
      <rPr>
        <sz val="11"/>
        <color theme="1"/>
        <rFont val="游ゴシック"/>
        <family val="3"/>
        <charset val="128"/>
        <scheme val="minor"/>
      </rPr>
      <t>　</t>
    </r>
    <r>
      <rPr>
        <u/>
        <sz val="11"/>
        <color theme="1"/>
        <rFont val="游ゴシック"/>
        <family val="2"/>
        <charset val="128"/>
        <scheme val="minor"/>
      </rPr>
      <t xml:space="preserve">～小計Ａ、弾力運用要件１～３を全て満たす場合は下表
</t>
    </r>
    <r>
      <rPr>
        <sz val="11"/>
        <color theme="1"/>
        <rFont val="游ゴシック"/>
        <family val="3"/>
        <charset val="128"/>
        <scheme val="minor"/>
      </rPr>
      <t>　</t>
    </r>
    <r>
      <rPr>
        <u/>
        <sz val="11"/>
        <color theme="1"/>
        <rFont val="游ゴシック"/>
        <family val="2"/>
        <charset val="128"/>
        <scheme val="minor"/>
      </rPr>
      <t>６以降を記入してください。</t>
    </r>
    <rPh sb="1" eb="2">
      <t>カイ</t>
    </rPh>
    <phoneticPr fontId="1"/>
  </si>
  <si>
    <t>※会－19の「（４）委託費の弾力運用の状況」において
　確認すること。</t>
    <rPh sb="1" eb="2">
      <t>カイ</t>
    </rPh>
    <rPh sb="10" eb="12">
      <t>イタク</t>
    </rPh>
    <rPh sb="12" eb="13">
      <t>ヒ</t>
    </rPh>
    <rPh sb="14" eb="16">
      <t>ダンリョク</t>
    </rPh>
    <rPh sb="16" eb="18">
      <t>ウンヨウ</t>
    </rPh>
    <rPh sb="19" eb="21">
      <t>ジョウキョウ</t>
    </rPh>
    <rPh sb="28" eb="30">
      <t>カクニン</t>
    </rPh>
    <phoneticPr fontId="1"/>
  </si>
  <si>
    <t>◎経理等通知１の(5)（会－16参照）</t>
    <phoneticPr fontId="1"/>
  </si>
  <si>
    <t>令和　　　　年　　　　月　　　　日（　　　　）</t>
    <rPh sb="0" eb="2">
      <t>レイワ</t>
    </rPh>
    <rPh sb="6" eb="7">
      <t>ネン</t>
    </rPh>
    <rPh sb="11" eb="12">
      <t>ツキ</t>
    </rPh>
    <rPh sb="16" eb="17">
      <t>ニチ</t>
    </rPh>
    <phoneticPr fontId="1"/>
  </si>
  <si>
    <t>令和　　　　年　　　　月　　　　日（　　　　）</t>
    <rPh sb="0" eb="2">
      <t>レイワ</t>
    </rPh>
    <rPh sb="6" eb="7">
      <t>ネン</t>
    </rPh>
    <rPh sb="11" eb="12">
      <t>ツキ</t>
    </rPh>
    <rPh sb="16" eb="17">
      <t>ヒ</t>
    </rPh>
    <phoneticPr fontId="1"/>
  </si>
  <si>
    <t>Ⅰ　特別養護老人ホーム……………………………………………………………………　１</t>
    <rPh sb="2" eb="11">
      <t>トク</t>
    </rPh>
    <phoneticPr fontId="1"/>
  </si>
  <si>
    <t>Ⅱ　障害者支援施設…………………………………………………………………………　３</t>
    <rPh sb="2" eb="9">
      <t>ショウ</t>
    </rPh>
    <phoneticPr fontId="1"/>
  </si>
  <si>
    <t>Ⅲ　就労支援事業……………………………………………………………………………　５</t>
    <rPh sb="2" eb="4">
      <t>シュウロウ</t>
    </rPh>
    <rPh sb="4" eb="6">
      <t>シエン</t>
    </rPh>
    <rPh sb="6" eb="8">
      <t>ジギョウ</t>
    </rPh>
    <phoneticPr fontId="1"/>
  </si>
  <si>
    <t>Ⅳ　運営費（措置費支弁施設）……………………………………………………………　９</t>
    <phoneticPr fontId="1"/>
  </si>
  <si>
    <t>Ⅴ　委託費（保育所）………………………………………………………………………１３</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_ "/>
    <numFmt numFmtId="177" formatCode="[$-411]ggge&quot;年&quot;m&quot;月&quot;d&quot;日&quot;;@"/>
    <numFmt numFmtId="178" formatCode="#,##0_);[Red]\(#,##0\)"/>
  </numFmts>
  <fonts count="38">
    <font>
      <sz val="11"/>
      <color theme="1"/>
      <name val="游ゴシック"/>
      <family val="2"/>
      <charset val="128"/>
      <scheme val="minor"/>
    </font>
    <font>
      <sz val="6"/>
      <name val="游ゴシック"/>
      <family val="2"/>
      <charset val="128"/>
      <scheme val="minor"/>
    </font>
    <font>
      <sz val="12"/>
      <color theme="1"/>
      <name val="ＭＳ 明朝"/>
      <family val="1"/>
      <charset val="128"/>
    </font>
    <font>
      <sz val="14"/>
      <color theme="1"/>
      <name val="ＭＳ 明朝"/>
      <family val="1"/>
      <charset val="128"/>
    </font>
    <font>
      <sz val="11"/>
      <color theme="1"/>
      <name val="ＭＳ 明朝"/>
      <family val="1"/>
      <charset val="128"/>
    </font>
    <font>
      <sz val="12"/>
      <name val="ＭＳ Ｐゴシック"/>
      <family val="3"/>
      <charset val="128"/>
    </font>
    <font>
      <sz val="6"/>
      <name val="ＭＳ Ｐゴシック"/>
      <family val="3"/>
      <charset val="128"/>
    </font>
    <font>
      <sz val="9"/>
      <name val="ＭＳ Ｐゴシック"/>
      <family val="3"/>
      <charset val="128"/>
    </font>
    <font>
      <sz val="10"/>
      <name val="ＭＳ Ｐゴシック"/>
      <family val="3"/>
      <charset val="128"/>
    </font>
    <font>
      <sz val="11"/>
      <name val="ＭＳ Ｐゴシック"/>
      <family val="3"/>
      <charset val="128"/>
    </font>
    <font>
      <b/>
      <sz val="14"/>
      <color theme="1"/>
      <name val="游ゴシック"/>
      <family val="3"/>
      <charset val="128"/>
      <scheme val="minor"/>
    </font>
    <font>
      <sz val="10"/>
      <color theme="1"/>
      <name val="游ゴシック"/>
      <family val="2"/>
      <charset val="128"/>
      <scheme val="minor"/>
    </font>
    <font>
      <sz val="10"/>
      <color theme="1"/>
      <name val="游ゴシック"/>
      <family val="3"/>
      <charset val="128"/>
      <scheme val="minor"/>
    </font>
    <font>
      <sz val="9"/>
      <color theme="1"/>
      <name val="游ゴシック"/>
      <family val="2"/>
      <charset val="128"/>
      <scheme val="minor"/>
    </font>
    <font>
      <sz val="9"/>
      <color theme="1"/>
      <name val="游ゴシック"/>
      <family val="3"/>
      <charset val="128"/>
      <scheme val="minor"/>
    </font>
    <font>
      <sz val="12"/>
      <color theme="1"/>
      <name val="游ゴシック"/>
      <family val="2"/>
      <charset val="128"/>
      <scheme val="minor"/>
    </font>
    <font>
      <sz val="12"/>
      <color theme="1"/>
      <name val="游ゴシック"/>
      <family val="3"/>
      <charset val="128"/>
      <scheme val="minor"/>
    </font>
    <font>
      <sz val="11"/>
      <color theme="1"/>
      <name val="游ゴシック"/>
      <family val="3"/>
      <charset val="128"/>
      <scheme val="minor"/>
    </font>
    <font>
      <sz val="10"/>
      <color theme="1"/>
      <name val="ＭＳ 明朝"/>
      <family val="1"/>
      <charset val="128"/>
    </font>
    <font>
      <sz val="12"/>
      <name val="游ゴシック"/>
      <family val="3"/>
      <charset val="128"/>
      <scheme val="minor"/>
    </font>
    <font>
      <b/>
      <sz val="11"/>
      <color theme="1"/>
      <name val="游ゴシック"/>
      <family val="3"/>
      <charset val="128"/>
      <scheme val="minor"/>
    </font>
    <font>
      <sz val="11"/>
      <name val="游ゴシック"/>
      <family val="3"/>
      <charset val="128"/>
      <scheme val="minor"/>
    </font>
    <font>
      <b/>
      <sz val="11"/>
      <name val="游ゴシック"/>
      <family val="3"/>
      <charset val="128"/>
      <scheme val="minor"/>
    </font>
    <font>
      <sz val="14"/>
      <color theme="1"/>
      <name val="游ゴシック"/>
      <family val="2"/>
      <charset val="128"/>
      <scheme val="minor"/>
    </font>
    <font>
      <u/>
      <sz val="11"/>
      <color theme="1"/>
      <name val="游ゴシック"/>
      <family val="3"/>
      <charset val="128"/>
      <scheme val="minor"/>
    </font>
    <font>
      <u/>
      <sz val="11"/>
      <color theme="1"/>
      <name val="游ゴシック"/>
      <family val="2"/>
      <charset val="128"/>
      <scheme val="minor"/>
    </font>
    <font>
      <u/>
      <sz val="10"/>
      <color theme="1"/>
      <name val="游ゴシック"/>
      <family val="3"/>
      <charset val="128"/>
      <scheme val="minor"/>
    </font>
    <font>
      <sz val="8"/>
      <color theme="1"/>
      <name val="游ゴシック"/>
      <family val="3"/>
      <charset val="128"/>
      <scheme val="minor"/>
    </font>
    <font>
      <sz val="11"/>
      <color theme="1"/>
      <name val="ＭＳ Ｐゴシック"/>
      <family val="3"/>
      <charset val="128"/>
    </font>
    <font>
      <b/>
      <sz val="11"/>
      <color theme="1"/>
      <name val="ＭＳ Ｐゴシック"/>
      <family val="3"/>
      <charset val="128"/>
    </font>
    <font>
      <b/>
      <sz val="20"/>
      <name val="ＭＳ Ｐゴシック"/>
      <family val="3"/>
      <charset val="128"/>
    </font>
    <font>
      <sz val="20"/>
      <name val="游ゴシック"/>
      <family val="2"/>
      <charset val="128"/>
      <scheme val="minor"/>
    </font>
    <font>
      <b/>
      <sz val="20"/>
      <color theme="1"/>
      <name val="ＭＳ Ｐゴシック"/>
      <family val="3"/>
      <charset val="128"/>
    </font>
    <font>
      <sz val="20"/>
      <color theme="1"/>
      <name val="游ゴシック"/>
      <family val="2"/>
      <charset val="128"/>
      <scheme val="minor"/>
    </font>
    <font>
      <sz val="10"/>
      <color theme="1"/>
      <name val="ＭＳ Ｐゴシック"/>
      <family val="3"/>
      <charset val="128"/>
    </font>
    <font>
      <sz val="12"/>
      <color theme="1"/>
      <name val="ＭＳ Ｐゴシック"/>
      <family val="3"/>
      <charset val="128"/>
    </font>
    <font>
      <b/>
      <u/>
      <sz val="11"/>
      <color theme="1"/>
      <name val="ＭＳ Ｐゴシック"/>
      <family val="3"/>
      <charset val="128"/>
    </font>
    <font>
      <strike/>
      <sz val="10"/>
      <color theme="1"/>
      <name val="ＭＳ Ｐゴシック"/>
      <family val="3"/>
      <charset val="128"/>
    </font>
  </fonts>
  <fills count="4">
    <fill>
      <patternFill patternType="none"/>
    </fill>
    <fill>
      <patternFill patternType="gray125"/>
    </fill>
    <fill>
      <patternFill patternType="solid">
        <fgColor theme="8" tint="0.59999389629810485"/>
        <bgColor indexed="64"/>
      </patternFill>
    </fill>
    <fill>
      <patternFill patternType="solid">
        <fgColor theme="7" tint="0.59999389629810485"/>
        <bgColor indexed="64"/>
      </patternFill>
    </fill>
  </fills>
  <borders count="57">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top style="medium">
        <color indexed="64"/>
      </top>
      <bottom/>
      <diagonal/>
    </border>
    <border>
      <left/>
      <right/>
      <top style="medium">
        <color indexed="64"/>
      </top>
      <bottom/>
      <diagonal/>
    </border>
    <border>
      <left style="thick">
        <color indexed="64"/>
      </left>
      <right style="thick">
        <color indexed="64"/>
      </right>
      <top style="thick">
        <color indexed="64"/>
      </top>
      <bottom style="thick">
        <color indexed="64"/>
      </bottom>
      <diagonal/>
    </border>
    <border>
      <left/>
      <right style="medium">
        <color indexed="64"/>
      </right>
      <top style="thick">
        <color indexed="64"/>
      </top>
      <bottom style="thick">
        <color indexed="64"/>
      </bottom>
      <diagonal/>
    </border>
    <border>
      <left/>
      <right style="thick">
        <color indexed="64"/>
      </right>
      <top style="thick">
        <color indexed="64"/>
      </top>
      <bottom style="thick">
        <color indexed="64"/>
      </bottom>
      <diagonal/>
    </border>
    <border>
      <left style="thick">
        <color indexed="64"/>
      </left>
      <right style="medium">
        <color indexed="64"/>
      </right>
      <top/>
      <bottom style="thick">
        <color indexed="64"/>
      </bottom>
      <diagonal/>
    </border>
    <border>
      <left style="thick">
        <color indexed="64"/>
      </left>
      <right style="medium">
        <color indexed="64"/>
      </right>
      <top/>
      <bottom/>
      <diagonal/>
    </border>
    <border>
      <left/>
      <right style="medium">
        <color indexed="64"/>
      </right>
      <top/>
      <bottom style="medium">
        <color indexed="64"/>
      </bottom>
      <diagonal/>
    </border>
    <border>
      <left/>
      <right style="thick">
        <color indexed="64"/>
      </right>
      <top/>
      <bottom style="medium">
        <color indexed="64"/>
      </bottom>
      <diagonal/>
    </border>
    <border>
      <left/>
      <right style="medium">
        <color indexed="64"/>
      </right>
      <top/>
      <bottom style="thick">
        <color indexed="64"/>
      </bottom>
      <diagonal/>
    </border>
    <border>
      <left/>
      <right style="thick">
        <color indexed="64"/>
      </right>
      <top/>
      <bottom style="thick">
        <color indexed="64"/>
      </bottom>
      <diagonal/>
    </border>
    <border>
      <left style="thick">
        <color indexed="64"/>
      </left>
      <right style="thick">
        <color indexed="64"/>
      </right>
      <top/>
      <bottom style="thick">
        <color indexed="64"/>
      </bottom>
      <diagonal/>
    </border>
    <border>
      <left style="thick">
        <color indexed="64"/>
      </left>
      <right style="thick">
        <color indexed="64"/>
      </right>
      <top/>
      <bottom/>
      <diagonal/>
    </border>
    <border>
      <left/>
      <right style="medium">
        <color indexed="64"/>
      </right>
      <top/>
      <bottom style="double">
        <color indexed="64"/>
      </bottom>
      <diagonal/>
    </border>
    <border>
      <left/>
      <right style="thick">
        <color indexed="64"/>
      </right>
      <top/>
      <bottom style="double">
        <color indexed="64"/>
      </bottom>
      <diagonal/>
    </border>
    <border>
      <left style="thick">
        <color indexed="64"/>
      </left>
      <right style="medium">
        <color indexed="64"/>
      </right>
      <top style="thick">
        <color indexed="64"/>
      </top>
      <bottom/>
      <diagonal/>
    </border>
    <border>
      <left style="thick">
        <color indexed="64"/>
      </left>
      <right style="thick">
        <color indexed="64"/>
      </right>
      <top style="thick">
        <color indexed="64"/>
      </top>
      <bottom/>
      <diagonal/>
    </border>
    <border>
      <left/>
      <right style="medium">
        <color indexed="64"/>
      </right>
      <top style="medium">
        <color indexed="64"/>
      </top>
      <bottom/>
      <diagonal/>
    </border>
    <border>
      <left style="medium">
        <color indexed="64"/>
      </left>
      <right style="medium">
        <color indexed="64"/>
      </right>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top/>
      <bottom style="medium">
        <color indexed="64"/>
      </bottom>
      <diagonal/>
    </border>
    <border>
      <left style="thin">
        <color indexed="64"/>
      </left>
      <right/>
      <top style="dotted">
        <color indexed="64"/>
      </top>
      <bottom style="dotted">
        <color indexed="64"/>
      </bottom>
      <diagonal/>
    </border>
    <border>
      <left/>
      <right style="medium">
        <color indexed="64"/>
      </right>
      <top style="dotted">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style="thin">
        <color indexed="64"/>
      </right>
      <top style="dotted">
        <color indexed="64"/>
      </top>
      <bottom style="dotted">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s>
  <cellStyleXfs count="2">
    <xf numFmtId="0" fontId="0" fillId="0" borderId="0">
      <alignment vertical="center"/>
    </xf>
    <xf numFmtId="0" fontId="9" fillId="0" borderId="0"/>
  </cellStyleXfs>
  <cellXfs count="337">
    <xf numFmtId="0" fontId="0" fillId="0" borderId="0" xfId="0">
      <alignment vertical="center"/>
    </xf>
    <xf numFmtId="0" fontId="4" fillId="0" borderId="0" xfId="0" applyFont="1" applyAlignment="1">
      <alignment horizontal="justify" vertical="center" wrapText="1"/>
    </xf>
    <xf numFmtId="0" fontId="2" fillId="0" borderId="0" xfId="0" applyFont="1" applyAlignment="1">
      <alignment vertical="center" wrapText="1"/>
    </xf>
    <xf numFmtId="0" fontId="3" fillId="0" borderId="0" xfId="0" applyFont="1" applyAlignment="1">
      <alignment vertical="center" wrapText="1"/>
    </xf>
    <xf numFmtId="0" fontId="0" fillId="0" borderId="0" xfId="0" applyAlignment="1">
      <alignment horizontal="center" vertical="center"/>
    </xf>
    <xf numFmtId="0" fontId="8" fillId="0" borderId="0" xfId="1" applyFont="1"/>
    <xf numFmtId="0" fontId="9" fillId="0" borderId="0" xfId="1"/>
    <xf numFmtId="0" fontId="11" fillId="0" borderId="0" xfId="0" applyFont="1">
      <alignment vertical="center"/>
    </xf>
    <xf numFmtId="0" fontId="12" fillId="0" borderId="0" xfId="0" applyFont="1" applyAlignment="1">
      <alignment horizontal="left" vertical="center" indent="1"/>
    </xf>
    <xf numFmtId="0" fontId="11" fillId="0" borderId="0" xfId="0" applyFont="1" applyAlignment="1">
      <alignment horizontal="left" vertical="center" indent="1"/>
    </xf>
    <xf numFmtId="0" fontId="0" fillId="0" borderId="10" xfId="0" applyBorder="1" applyAlignment="1">
      <alignment vertical="top"/>
    </xf>
    <xf numFmtId="0" fontId="0" fillId="0" borderId="9" xfId="0" applyBorder="1" applyAlignment="1">
      <alignment vertical="top"/>
    </xf>
    <xf numFmtId="0" fontId="0" fillId="0" borderId="10" xfId="0" applyBorder="1" applyAlignment="1">
      <alignment vertical="top" wrapText="1"/>
    </xf>
    <xf numFmtId="0" fontId="0" fillId="0" borderId="12" xfId="0" applyBorder="1" applyAlignment="1">
      <alignment vertical="top"/>
    </xf>
    <xf numFmtId="0" fontId="0" fillId="0" borderId="12" xfId="0" applyBorder="1">
      <alignment vertical="center"/>
    </xf>
    <xf numFmtId="0" fontId="13" fillId="0" borderId="9" xfId="0" applyFont="1" applyBorder="1" applyAlignment="1">
      <alignment vertical="top" wrapText="1"/>
    </xf>
    <xf numFmtId="0" fontId="14" fillId="0" borderId="10" xfId="0" applyFont="1" applyBorder="1" applyAlignment="1">
      <alignment vertical="top"/>
    </xf>
    <xf numFmtId="0" fontId="14" fillId="0" borderId="12" xfId="0" applyFont="1" applyBorder="1" applyAlignment="1">
      <alignment vertical="top" wrapText="1"/>
    </xf>
    <xf numFmtId="0" fontId="14" fillId="0" borderId="12" xfId="0" applyFont="1" applyBorder="1" applyAlignment="1">
      <alignment vertical="top"/>
    </xf>
    <xf numFmtId="0" fontId="0" fillId="0" borderId="12" xfId="0" applyBorder="1" applyAlignment="1">
      <alignment vertical="top" wrapText="1"/>
    </xf>
    <xf numFmtId="0" fontId="13" fillId="0" borderId="12" xfId="0" applyFont="1" applyBorder="1" applyAlignment="1">
      <alignment vertical="top" wrapText="1"/>
    </xf>
    <xf numFmtId="0" fontId="13" fillId="0" borderId="9" xfId="0" applyFont="1" applyBorder="1" applyAlignment="1">
      <alignment horizontal="left" vertical="top" wrapText="1"/>
    </xf>
    <xf numFmtId="0" fontId="14" fillId="0" borderId="12" xfId="0" applyFont="1" applyBorder="1" applyAlignment="1">
      <alignment horizontal="left" vertical="top" wrapText="1"/>
    </xf>
    <xf numFmtId="0" fontId="7" fillId="2" borderId="4" xfId="0" applyFont="1" applyFill="1" applyBorder="1" applyAlignment="1">
      <alignment horizontal="center" vertical="center" wrapText="1" shrinkToFit="1"/>
    </xf>
    <xf numFmtId="0" fontId="0" fillId="0" borderId="12" xfId="0" applyBorder="1" applyAlignment="1">
      <alignment horizontal="left" vertical="top" wrapText="1"/>
    </xf>
    <xf numFmtId="0" fontId="13" fillId="0" borderId="12" xfId="0" applyFont="1" applyBorder="1" applyAlignment="1">
      <alignment vertical="top"/>
    </xf>
    <xf numFmtId="0" fontId="14" fillId="0" borderId="12" xfId="0" applyFont="1" applyBorder="1">
      <alignment vertical="center"/>
    </xf>
    <xf numFmtId="0" fontId="0" fillId="0" borderId="10" xfId="0" applyBorder="1">
      <alignment vertical="center"/>
    </xf>
    <xf numFmtId="0" fontId="14" fillId="0" borderId="10" xfId="0" applyFont="1" applyBorder="1">
      <alignment vertical="center"/>
    </xf>
    <xf numFmtId="0" fontId="0" fillId="0" borderId="12" xfId="0" applyBorder="1" applyAlignment="1">
      <alignment vertical="center" wrapText="1"/>
    </xf>
    <xf numFmtId="0" fontId="0" fillId="0" borderId="9" xfId="0" applyBorder="1">
      <alignment vertical="center"/>
    </xf>
    <xf numFmtId="0" fontId="14" fillId="0" borderId="10" xfId="0" applyFont="1" applyBorder="1" applyAlignment="1">
      <alignment horizontal="left" vertical="top" wrapText="1"/>
    </xf>
    <xf numFmtId="0" fontId="14" fillId="0" borderId="9" xfId="0" applyFont="1" applyBorder="1" applyAlignment="1">
      <alignment horizontal="left" vertical="top" wrapText="1"/>
    </xf>
    <xf numFmtId="0" fontId="14" fillId="0" borderId="14" xfId="0" applyFont="1" applyBorder="1" applyAlignment="1">
      <alignment horizontal="left" vertical="top" wrapText="1"/>
    </xf>
    <xf numFmtId="0" fontId="14" fillId="0" borderId="10" xfId="0" applyFont="1" applyBorder="1" applyAlignment="1">
      <alignment vertical="top" wrapText="1"/>
    </xf>
    <xf numFmtId="0" fontId="18" fillId="0" borderId="21" xfId="0" applyFont="1" applyBorder="1" applyAlignment="1">
      <alignment horizontal="center" vertical="center" wrapText="1"/>
    </xf>
    <xf numFmtId="0" fontId="18" fillId="0" borderId="22" xfId="0" applyFont="1" applyBorder="1" applyAlignment="1">
      <alignment horizontal="center" vertical="center" wrapText="1"/>
    </xf>
    <xf numFmtId="0" fontId="18" fillId="0" borderId="23" xfId="0" applyFont="1" applyBorder="1" applyAlignment="1">
      <alignment horizontal="center" vertical="center" wrapText="1"/>
    </xf>
    <xf numFmtId="0" fontId="0" fillId="0" borderId="13" xfId="0" applyBorder="1">
      <alignment vertical="center"/>
    </xf>
    <xf numFmtId="0" fontId="0" fillId="0" borderId="13" xfId="0" applyBorder="1" applyAlignment="1">
      <alignment horizontal="left" vertical="top" wrapText="1"/>
    </xf>
    <xf numFmtId="0" fontId="0" fillId="0" borderId="14" xfId="0" applyBorder="1" applyAlignment="1">
      <alignment horizontal="left" vertical="top" wrapText="1"/>
    </xf>
    <xf numFmtId="0" fontId="0" fillId="0" borderId="0" xfId="0" applyAlignment="1">
      <alignment horizontal="left" vertical="top" wrapText="1"/>
    </xf>
    <xf numFmtId="0" fontId="0" fillId="0" borderId="13" xfId="0" applyBorder="1" applyAlignment="1">
      <alignment horizontal="left" vertical="top" wrapText="1" indent="2"/>
    </xf>
    <xf numFmtId="0" fontId="0" fillId="0" borderId="14" xfId="0" applyBorder="1" applyAlignment="1">
      <alignment horizontal="left" vertical="top" wrapText="1" indent="2"/>
    </xf>
    <xf numFmtId="0" fontId="0" fillId="0" borderId="0" xfId="0" applyAlignment="1">
      <alignment horizontal="left" vertical="center" wrapText="1"/>
    </xf>
    <xf numFmtId="0" fontId="0" fillId="0" borderId="0" xfId="0" applyAlignment="1">
      <alignment vertical="center" wrapText="1"/>
    </xf>
    <xf numFmtId="0" fontId="0" fillId="0" borderId="7" xfId="0" applyBorder="1" applyAlignment="1">
      <alignment horizontal="left" vertical="top" wrapText="1"/>
    </xf>
    <xf numFmtId="0" fontId="0" fillId="0" borderId="15" xfId="0" applyBorder="1" applyAlignment="1">
      <alignment horizontal="left" vertical="top" wrapText="1"/>
    </xf>
    <xf numFmtId="0" fontId="0" fillId="0" borderId="8" xfId="0" applyBorder="1" applyAlignment="1">
      <alignment horizontal="left" vertical="top" wrapText="1"/>
    </xf>
    <xf numFmtId="0" fontId="0" fillId="0" borderId="13" xfId="0" applyBorder="1" applyAlignment="1">
      <alignment vertical="top" wrapText="1"/>
    </xf>
    <xf numFmtId="0" fontId="13" fillId="0" borderId="12" xfId="0" applyFont="1" applyBorder="1" applyAlignment="1">
      <alignment vertical="center" wrapText="1"/>
    </xf>
    <xf numFmtId="0" fontId="13" fillId="0" borderId="12" xfId="0" applyFont="1" applyBorder="1" applyAlignment="1">
      <alignment horizontal="left" vertical="top" wrapText="1"/>
    </xf>
    <xf numFmtId="0" fontId="4" fillId="0" borderId="26" xfId="0" applyFont="1" applyBorder="1" applyAlignment="1">
      <alignment horizontal="justify" vertical="center" wrapText="1"/>
    </xf>
    <xf numFmtId="0" fontId="4" fillId="0" borderId="32" xfId="0" applyFont="1" applyBorder="1" applyAlignment="1">
      <alignment horizontal="justify" vertical="center" wrapText="1"/>
    </xf>
    <xf numFmtId="0" fontId="13" fillId="0" borderId="12" xfId="0" applyFont="1" applyBorder="1">
      <alignment vertical="center"/>
    </xf>
    <xf numFmtId="0" fontId="13" fillId="0" borderId="12" xfId="0" applyFont="1" applyBorder="1" applyAlignment="1">
      <alignment horizontal="left" vertical="top"/>
    </xf>
    <xf numFmtId="0" fontId="11" fillId="0" borderId="13" xfId="0" applyFont="1" applyBorder="1">
      <alignment vertical="center"/>
    </xf>
    <xf numFmtId="0" fontId="12" fillId="0" borderId="13" xfId="0" applyFont="1" applyBorder="1">
      <alignment vertical="center"/>
    </xf>
    <xf numFmtId="0" fontId="0" fillId="0" borderId="0" xfId="0" applyAlignment="1">
      <alignment horizontal="left" vertical="center" wrapText="1" indent="1"/>
    </xf>
    <xf numFmtId="0" fontId="0" fillId="0" borderId="14" xfId="0" applyBorder="1" applyAlignment="1">
      <alignment vertical="top" wrapText="1"/>
    </xf>
    <xf numFmtId="0" fontId="16" fillId="0" borderId="9" xfId="0" applyFont="1" applyBorder="1" applyAlignment="1">
      <alignment horizontal="left" vertical="top"/>
    </xf>
    <xf numFmtId="0" fontId="5" fillId="0" borderId="9" xfId="0" applyFont="1" applyBorder="1" applyAlignment="1">
      <alignment horizontal="left" vertical="center"/>
    </xf>
    <xf numFmtId="0" fontId="16" fillId="0" borderId="12" xfId="0" applyFont="1" applyBorder="1" applyAlignment="1">
      <alignment horizontal="left" vertical="top"/>
    </xf>
    <xf numFmtId="0" fontId="5" fillId="0" borderId="12" xfId="0" applyFont="1" applyBorder="1" applyAlignment="1">
      <alignment horizontal="left" vertical="center"/>
    </xf>
    <xf numFmtId="0" fontId="0" fillId="0" borderId="0" xfId="0" applyAlignment="1">
      <alignment horizontal="left" vertical="center" indent="2"/>
    </xf>
    <xf numFmtId="0" fontId="0" fillId="0" borderId="9" xfId="0" applyBorder="1" applyAlignment="1" applyProtection="1">
      <alignment horizontal="center" vertical="top"/>
      <protection locked="0"/>
    </xf>
    <xf numFmtId="0" fontId="0" fillId="0" borderId="10" xfId="0" applyBorder="1" applyAlignment="1" applyProtection="1">
      <alignment horizontal="center" vertical="top"/>
      <protection locked="0"/>
    </xf>
    <xf numFmtId="0" fontId="0" fillId="0" borderId="12" xfId="0" applyBorder="1" applyAlignment="1" applyProtection="1">
      <alignment horizontal="center" vertical="top"/>
      <protection locked="0"/>
    </xf>
    <xf numFmtId="0" fontId="16" fillId="0" borderId="9" xfId="0" applyFont="1" applyBorder="1" applyAlignment="1" applyProtection="1">
      <alignment horizontal="left" vertical="top"/>
      <protection locked="0"/>
    </xf>
    <xf numFmtId="0" fontId="16" fillId="0" borderId="12" xfId="0" applyFont="1" applyBorder="1" applyAlignment="1" applyProtection="1">
      <alignment horizontal="left" vertical="top"/>
      <protection locked="0"/>
    </xf>
    <xf numFmtId="0" fontId="0" fillId="0" borderId="0" xfId="0" applyAlignment="1" applyProtection="1">
      <alignment horizontal="center" vertical="top"/>
      <protection locked="0"/>
    </xf>
    <xf numFmtId="0" fontId="0" fillId="0" borderId="14" xfId="0" applyBorder="1" applyAlignment="1" applyProtection="1">
      <alignment horizontal="center" vertical="top"/>
      <protection locked="0"/>
    </xf>
    <xf numFmtId="0" fontId="0" fillId="0" borderId="10" xfId="0" applyBorder="1" applyProtection="1">
      <alignment vertical="center"/>
      <protection locked="0"/>
    </xf>
    <xf numFmtId="0" fontId="20" fillId="0" borderId="0" xfId="0" applyFont="1">
      <alignment vertical="center"/>
    </xf>
    <xf numFmtId="0" fontId="22" fillId="0" borderId="0" xfId="1" applyFont="1" applyAlignment="1">
      <alignment vertical="center"/>
    </xf>
    <xf numFmtId="178" fontId="3" fillId="3" borderId="27" xfId="0" applyNumberFormat="1" applyFont="1" applyFill="1" applyBorder="1" applyAlignment="1" applyProtection="1">
      <alignment horizontal="right" vertical="center" wrapText="1"/>
      <protection locked="0"/>
    </xf>
    <xf numFmtId="178" fontId="3" fillId="3" borderId="33" xfId="0" applyNumberFormat="1" applyFont="1" applyFill="1" applyBorder="1" applyAlignment="1" applyProtection="1">
      <alignment horizontal="right" vertical="center" wrapText="1"/>
      <protection locked="0"/>
    </xf>
    <xf numFmtId="178" fontId="23" fillId="0" borderId="0" xfId="0" applyNumberFormat="1" applyFont="1">
      <alignment vertical="center"/>
    </xf>
    <xf numFmtId="178" fontId="0" fillId="0" borderId="0" xfId="0" applyNumberFormat="1">
      <alignment vertical="center"/>
    </xf>
    <xf numFmtId="178" fontId="3" fillId="3" borderId="29" xfId="0" applyNumberFormat="1" applyFont="1" applyFill="1" applyBorder="1" applyAlignment="1" applyProtection="1">
      <alignment horizontal="right" vertical="center" wrapText="1"/>
      <protection locked="0"/>
    </xf>
    <xf numFmtId="0" fontId="0" fillId="0" borderId="13" xfId="0" applyBorder="1" applyAlignment="1">
      <alignment horizontal="left" vertical="top" wrapText="1" indent="1"/>
    </xf>
    <xf numFmtId="0" fontId="0" fillId="0" borderId="14" xfId="0" applyBorder="1" applyAlignment="1">
      <alignment horizontal="left" vertical="top" wrapText="1" indent="1"/>
    </xf>
    <xf numFmtId="0" fontId="4" fillId="0" borderId="28" xfId="0" applyFont="1" applyBorder="1" applyAlignment="1">
      <alignment horizontal="center" vertical="center" wrapText="1"/>
    </xf>
    <xf numFmtId="0" fontId="21" fillId="0" borderId="0" xfId="1" applyFont="1" applyAlignment="1">
      <alignment vertical="center"/>
    </xf>
    <xf numFmtId="0" fontId="11" fillId="0" borderId="0" xfId="0" applyFont="1" applyAlignment="1">
      <alignment horizontal="left" vertical="center"/>
    </xf>
    <xf numFmtId="0" fontId="4" fillId="0" borderId="28" xfId="0" applyFont="1" applyBorder="1" applyAlignment="1">
      <alignment horizontal="left" vertical="center" wrapText="1" indent="4"/>
    </xf>
    <xf numFmtId="0" fontId="4" fillId="0" borderId="26" xfId="0" applyFont="1" applyBorder="1" applyAlignment="1">
      <alignment horizontal="left" vertical="center" wrapText="1" indent="4"/>
    </xf>
    <xf numFmtId="0" fontId="16" fillId="0" borderId="11" xfId="0" applyFont="1" applyBorder="1" applyAlignment="1">
      <alignment horizontal="left" vertical="center" wrapText="1"/>
    </xf>
    <xf numFmtId="0" fontId="16" fillId="0" borderId="6" xfId="0" applyFont="1" applyBorder="1" applyAlignment="1">
      <alignment horizontal="left" vertical="center" wrapText="1"/>
    </xf>
    <xf numFmtId="0" fontId="15" fillId="0" borderId="1" xfId="0" applyFont="1" applyBorder="1" applyAlignment="1">
      <alignment horizontal="left" vertical="center"/>
    </xf>
    <xf numFmtId="0" fontId="16" fillId="0" borderId="2" xfId="0" applyFont="1" applyBorder="1" applyAlignment="1">
      <alignment horizontal="left" vertical="center"/>
    </xf>
    <xf numFmtId="0" fontId="16" fillId="0" borderId="3" xfId="0" applyFont="1" applyBorder="1" applyAlignment="1">
      <alignment horizontal="left" vertical="center"/>
    </xf>
    <xf numFmtId="0" fontId="16" fillId="0" borderId="11" xfId="0" applyFont="1" applyBorder="1" applyAlignment="1">
      <alignment horizontal="left" vertical="center"/>
    </xf>
    <xf numFmtId="0" fontId="16" fillId="0" borderId="6" xfId="0" applyFont="1" applyBorder="1" applyAlignment="1">
      <alignment horizontal="left" vertical="center"/>
    </xf>
    <xf numFmtId="0" fontId="15" fillId="0" borderId="5" xfId="0" applyFont="1" applyBorder="1" applyAlignment="1">
      <alignment horizontal="left" vertical="center"/>
    </xf>
    <xf numFmtId="0" fontId="0" fillId="0" borderId="12" xfId="0" applyBorder="1" applyAlignment="1" applyProtection="1">
      <alignment horizontal="center" vertical="center" wrapText="1"/>
      <protection locked="0"/>
    </xf>
    <xf numFmtId="0" fontId="0" fillId="0" borderId="9" xfId="0" applyBorder="1" applyAlignment="1" applyProtection="1">
      <alignment horizontal="center" vertical="center" wrapText="1"/>
      <protection locked="0"/>
    </xf>
    <xf numFmtId="0" fontId="0" fillId="0" borderId="12" xfId="0" applyBorder="1" applyAlignment="1" applyProtection="1">
      <alignment horizontal="center" vertical="top" wrapText="1"/>
      <protection locked="0"/>
    </xf>
    <xf numFmtId="0" fontId="0" fillId="0" borderId="15" xfId="0" applyBorder="1" applyAlignment="1" applyProtection="1">
      <alignment horizontal="center" vertical="top"/>
      <protection locked="0"/>
    </xf>
    <xf numFmtId="0" fontId="15" fillId="0" borderId="7" xfId="0" applyFont="1" applyBorder="1" applyAlignment="1">
      <alignment horizontal="left" vertical="top"/>
    </xf>
    <xf numFmtId="0" fontId="16" fillId="0" borderId="15" xfId="0" applyFont="1" applyBorder="1" applyAlignment="1">
      <alignment horizontal="left" vertical="top" wrapText="1"/>
    </xf>
    <xf numFmtId="0" fontId="16" fillId="0" borderId="8" xfId="0" applyFont="1" applyBorder="1" applyAlignment="1">
      <alignment horizontal="left" vertical="top" wrapText="1"/>
    </xf>
    <xf numFmtId="0" fontId="15" fillId="0" borderId="13" xfId="0" applyFont="1" applyBorder="1" applyAlignment="1">
      <alignment horizontal="left" vertical="center"/>
    </xf>
    <xf numFmtId="0" fontId="0" fillId="0" borderId="2" xfId="0" applyBorder="1">
      <alignment vertical="center"/>
    </xf>
    <xf numFmtId="0" fontId="16" fillId="0" borderId="0" xfId="0" applyFont="1" applyAlignment="1">
      <alignment horizontal="left" vertical="center"/>
    </xf>
    <xf numFmtId="0" fontId="16" fillId="0" borderId="14" xfId="0" applyFont="1" applyBorder="1" applyAlignment="1">
      <alignment horizontal="left" vertical="center"/>
    </xf>
    <xf numFmtId="0" fontId="20" fillId="0" borderId="2" xfId="0" applyFont="1" applyBorder="1" applyAlignment="1">
      <alignment horizontal="left" vertical="top" wrapText="1" indent="1"/>
    </xf>
    <xf numFmtId="0" fontId="0" fillId="0" borderId="2" xfId="0" applyBorder="1" applyAlignment="1" applyProtection="1">
      <alignment horizontal="center" vertical="top"/>
      <protection locked="0"/>
    </xf>
    <xf numFmtId="0" fontId="14" fillId="0" borderId="2" xfId="0" applyFont="1" applyBorder="1" applyAlignment="1">
      <alignment horizontal="left" vertical="top" wrapText="1"/>
    </xf>
    <xf numFmtId="0" fontId="0" fillId="0" borderId="3" xfId="0" applyBorder="1">
      <alignment vertical="center"/>
    </xf>
    <xf numFmtId="0" fontId="0" fillId="0" borderId="0" xfId="0" applyAlignment="1">
      <alignment vertical="top"/>
    </xf>
    <xf numFmtId="0" fontId="14" fillId="0" borderId="0" xfId="0" applyFont="1" applyAlignment="1">
      <alignment vertical="top" wrapText="1"/>
    </xf>
    <xf numFmtId="0" fontId="0" fillId="0" borderId="2" xfId="0" applyBorder="1" applyAlignment="1">
      <alignment vertical="top"/>
    </xf>
    <xf numFmtId="0" fontId="0" fillId="0" borderId="0" xfId="0" applyAlignment="1">
      <alignment horizontal="center" vertical="top"/>
    </xf>
    <xf numFmtId="0" fontId="14" fillId="0" borderId="2" xfId="0" applyFont="1" applyBorder="1" applyAlignment="1">
      <alignment vertical="top" wrapText="1"/>
    </xf>
    <xf numFmtId="0" fontId="0" fillId="0" borderId="7" xfId="0" applyBorder="1">
      <alignment vertical="center"/>
    </xf>
    <xf numFmtId="0" fontId="0" fillId="0" borderId="10" xfId="0" applyBorder="1" applyAlignment="1" applyProtection="1">
      <alignment horizontal="center" vertical="top" wrapText="1"/>
      <protection locked="0"/>
    </xf>
    <xf numFmtId="0" fontId="17" fillId="0" borderId="13" xfId="0" applyFont="1" applyBorder="1" applyAlignment="1">
      <alignment horizontal="left" vertical="top" wrapText="1"/>
    </xf>
    <xf numFmtId="0" fontId="17" fillId="0" borderId="14" xfId="0" applyFont="1" applyBorder="1" applyAlignment="1">
      <alignment horizontal="left" vertical="top" wrapText="1"/>
    </xf>
    <xf numFmtId="0" fontId="17" fillId="0" borderId="13" xfId="0" applyFont="1" applyBorder="1" applyAlignment="1">
      <alignment vertical="top" wrapText="1"/>
    </xf>
    <xf numFmtId="0" fontId="17" fillId="0" borderId="0" xfId="0" applyFont="1" applyAlignment="1">
      <alignment vertical="top" wrapText="1"/>
    </xf>
    <xf numFmtId="0" fontId="17" fillId="0" borderId="14" xfId="0" applyFont="1" applyBorder="1" applyAlignment="1">
      <alignment vertical="top" wrapText="1"/>
    </xf>
    <xf numFmtId="0" fontId="17" fillId="0" borderId="0" xfId="0" applyFont="1" applyAlignment="1">
      <alignment vertical="center" wrapText="1"/>
    </xf>
    <xf numFmtId="0" fontId="28" fillId="0" borderId="0" xfId="0" applyFont="1" applyAlignment="1">
      <alignment vertical="top"/>
    </xf>
    <xf numFmtId="0" fontId="29" fillId="0" borderId="1" xfId="0" applyFont="1" applyBorder="1">
      <alignment vertical="center"/>
    </xf>
    <xf numFmtId="0" fontId="28" fillId="0" borderId="3" xfId="0" applyFont="1" applyBorder="1">
      <alignment vertical="center"/>
    </xf>
    <xf numFmtId="0" fontId="28" fillId="0" borderId="13" xfId="0" applyFont="1" applyBorder="1">
      <alignment vertical="center"/>
    </xf>
    <xf numFmtId="0" fontId="28" fillId="0" borderId="0" xfId="0" applyFont="1">
      <alignment vertical="center"/>
    </xf>
    <xf numFmtId="0" fontId="29" fillId="0" borderId="7" xfId="0" applyFont="1" applyBorder="1">
      <alignment vertical="center"/>
    </xf>
    <xf numFmtId="0" fontId="29" fillId="0" borderId="8" xfId="0" applyFont="1" applyBorder="1">
      <alignment vertical="center"/>
    </xf>
    <xf numFmtId="0" fontId="28" fillId="0" borderId="16" xfId="0" applyFont="1" applyBorder="1" applyAlignment="1">
      <alignment horizontal="distributed" vertical="center" indent="1"/>
    </xf>
    <xf numFmtId="0" fontId="28" fillId="0" borderId="17" xfId="0" applyFont="1" applyBorder="1" applyAlignment="1">
      <alignment horizontal="distributed" vertical="center" indent="1"/>
    </xf>
    <xf numFmtId="0" fontId="34" fillId="0" borderId="16" xfId="0" applyFont="1" applyBorder="1" applyAlignment="1">
      <alignment horizontal="distributed" vertical="center" indent="1"/>
    </xf>
    <xf numFmtId="0" fontId="34" fillId="0" borderId="38" xfId="0" applyFont="1" applyBorder="1">
      <alignment vertical="center"/>
    </xf>
    <xf numFmtId="0" fontId="34" fillId="0" borderId="41" xfId="0" applyFont="1" applyBorder="1">
      <alignment vertical="center"/>
    </xf>
    <xf numFmtId="0" fontId="34" fillId="0" borderId="42" xfId="0" applyFont="1" applyBorder="1">
      <alignment vertical="center"/>
    </xf>
    <xf numFmtId="0" fontId="34" fillId="0" borderId="43" xfId="0" applyFont="1" applyBorder="1">
      <alignment vertical="center"/>
    </xf>
    <xf numFmtId="0" fontId="34" fillId="0" borderId="44" xfId="0" applyFont="1" applyBorder="1">
      <alignment vertical="center"/>
    </xf>
    <xf numFmtId="0" fontId="34" fillId="0" borderId="45" xfId="0" applyFont="1" applyBorder="1">
      <alignment vertical="center"/>
    </xf>
    <xf numFmtId="0" fontId="34" fillId="0" borderId="46" xfId="0" applyFont="1" applyBorder="1">
      <alignment vertical="center"/>
    </xf>
    <xf numFmtId="0" fontId="34" fillId="0" borderId="0" xfId="0" applyFont="1">
      <alignment vertical="center"/>
    </xf>
    <xf numFmtId="0" fontId="34" fillId="0" borderId="47" xfId="0" applyFont="1" applyBorder="1">
      <alignment vertical="center"/>
    </xf>
    <xf numFmtId="0" fontId="34" fillId="0" borderId="48" xfId="0" applyFont="1" applyBorder="1">
      <alignment vertical="center"/>
    </xf>
    <xf numFmtId="0" fontId="34" fillId="0" borderId="49" xfId="0" applyFont="1" applyBorder="1">
      <alignment vertical="center"/>
    </xf>
    <xf numFmtId="0" fontId="34" fillId="0" borderId="4" xfId="0" applyFont="1" applyBorder="1" applyAlignment="1">
      <alignment horizontal="distributed" vertical="center" indent="1"/>
    </xf>
    <xf numFmtId="0" fontId="34" fillId="0" borderId="1" xfId="0" applyFont="1" applyBorder="1">
      <alignment vertical="center"/>
    </xf>
    <xf numFmtId="0" fontId="34" fillId="0" borderId="2" xfId="0" applyFont="1" applyBorder="1">
      <alignment vertical="center"/>
    </xf>
    <xf numFmtId="0" fontId="34" fillId="0" borderId="50" xfId="0" applyFont="1" applyBorder="1">
      <alignment vertical="center"/>
    </xf>
    <xf numFmtId="0" fontId="34" fillId="0" borderId="7" xfId="0" applyFont="1" applyBorder="1">
      <alignment vertical="center"/>
    </xf>
    <xf numFmtId="0" fontId="34" fillId="0" borderId="15" xfId="0" applyFont="1" applyBorder="1">
      <alignment vertical="center"/>
    </xf>
    <xf numFmtId="0" fontId="34" fillId="0" borderId="0" xfId="0" quotePrefix="1" applyFont="1">
      <alignment vertical="center"/>
    </xf>
    <xf numFmtId="0" fontId="37" fillId="0" borderId="0" xfId="0" applyFont="1">
      <alignment vertical="center"/>
    </xf>
    <xf numFmtId="0" fontId="10" fillId="0" borderId="0" xfId="0" applyFont="1" applyAlignment="1">
      <alignment horizontal="center" vertical="center"/>
    </xf>
    <xf numFmtId="0" fontId="34" fillId="0" borderId="42" xfId="0" applyFont="1" applyBorder="1" applyAlignment="1">
      <alignment horizontal="center" vertical="center"/>
    </xf>
    <xf numFmtId="0" fontId="34" fillId="0" borderId="43" xfId="0" applyFont="1" applyBorder="1" applyAlignment="1">
      <alignment horizontal="center" vertical="center"/>
    </xf>
    <xf numFmtId="0" fontId="34" fillId="0" borderId="48" xfId="0" applyFont="1" applyBorder="1" applyAlignment="1">
      <alignment horizontal="center" vertical="center"/>
    </xf>
    <xf numFmtId="0" fontId="34" fillId="0" borderId="51" xfId="0" applyFont="1" applyBorder="1" applyAlignment="1">
      <alignment horizontal="center" vertical="center"/>
    </xf>
    <xf numFmtId="0" fontId="34" fillId="0" borderId="45" xfId="0" applyFont="1" applyBorder="1" applyAlignment="1">
      <alignment horizontal="center" vertical="center"/>
    </xf>
    <xf numFmtId="0" fontId="34" fillId="0" borderId="46" xfId="0" applyFont="1" applyBorder="1" applyAlignment="1">
      <alignment horizontal="center" vertical="center"/>
    </xf>
    <xf numFmtId="0" fontId="34" fillId="0" borderId="52" xfId="0" applyFont="1" applyBorder="1" applyAlignment="1">
      <alignment horizontal="center" vertical="center"/>
    </xf>
    <xf numFmtId="0" fontId="34" fillId="0" borderId="53" xfId="0" applyFont="1" applyBorder="1" applyAlignment="1">
      <alignment horizontal="center" vertical="center"/>
    </xf>
    <xf numFmtId="0" fontId="34" fillId="0" borderId="54" xfId="0" applyFont="1" applyBorder="1" applyAlignment="1">
      <alignment horizontal="center" vertical="center"/>
    </xf>
    <xf numFmtId="0" fontId="34" fillId="0" borderId="55" xfId="0" applyFont="1" applyBorder="1" applyAlignment="1">
      <alignment horizontal="center" vertical="center"/>
    </xf>
    <xf numFmtId="0" fontId="34" fillId="0" borderId="56" xfId="0" applyFont="1" applyBorder="1" applyAlignment="1">
      <alignment horizontal="center" vertical="center"/>
    </xf>
    <xf numFmtId="0" fontId="34" fillId="0" borderId="16" xfId="0" applyFont="1" applyBorder="1" applyAlignment="1">
      <alignment horizontal="center" vertical="center"/>
    </xf>
    <xf numFmtId="0" fontId="34" fillId="0" borderId="39" xfId="0" applyFont="1" applyBorder="1" applyAlignment="1">
      <alignment horizontal="center" vertical="center"/>
    </xf>
    <xf numFmtId="0" fontId="30" fillId="0" borderId="0" xfId="0" applyFont="1" applyAlignment="1">
      <alignment horizontal="center" vertical="center"/>
    </xf>
    <xf numFmtId="0" fontId="31" fillId="0" borderId="0" xfId="0" applyFont="1">
      <alignment vertical="center"/>
    </xf>
    <xf numFmtId="0" fontId="32" fillId="0" borderId="0" xfId="0" applyFont="1" applyAlignment="1">
      <alignment horizontal="center" vertical="center"/>
    </xf>
    <xf numFmtId="0" fontId="33" fillId="0" borderId="0" xfId="0" applyFont="1">
      <alignment vertical="center"/>
    </xf>
    <xf numFmtId="0" fontId="28" fillId="0" borderId="16" xfId="0" applyFont="1" applyBorder="1" applyAlignment="1">
      <alignment horizontal="center" vertical="center"/>
    </xf>
    <xf numFmtId="0" fontId="0" fillId="0" borderId="16" xfId="0" applyBorder="1" applyAlignment="1">
      <alignment horizontal="center" vertical="center"/>
    </xf>
    <xf numFmtId="0" fontId="28" fillId="0" borderId="16" xfId="0" applyFont="1" applyBorder="1" applyAlignment="1">
      <alignment horizontal="distributed" vertical="center" indent="1"/>
    </xf>
    <xf numFmtId="0" fontId="28" fillId="0" borderId="16" xfId="0" applyFont="1" applyBorder="1" applyAlignment="1">
      <alignment vertical="center" wrapText="1"/>
    </xf>
    <xf numFmtId="0" fontId="28" fillId="0" borderId="16" xfId="0" applyFont="1" applyBorder="1">
      <alignment vertical="center"/>
    </xf>
    <xf numFmtId="0" fontId="35" fillId="0" borderId="0" xfId="0" applyFont="1" applyAlignment="1">
      <alignment horizontal="center" vertical="center"/>
    </xf>
    <xf numFmtId="0" fontId="35" fillId="0" borderId="16" xfId="0" applyFont="1" applyBorder="1" applyAlignment="1">
      <alignment horizontal="center" vertical="center"/>
    </xf>
    <xf numFmtId="0" fontId="34" fillId="0" borderId="0" xfId="0" applyFont="1" applyAlignment="1">
      <alignment horizontal="center" vertical="center"/>
    </xf>
    <xf numFmtId="0" fontId="34" fillId="0" borderId="40" xfId="0" applyFont="1" applyBorder="1" applyAlignment="1">
      <alignment horizontal="center" vertical="center"/>
    </xf>
    <xf numFmtId="0" fontId="34" fillId="0" borderId="16" xfId="0" applyFont="1" applyBorder="1" applyAlignment="1">
      <alignment horizontal="distributed" vertical="center" indent="1"/>
    </xf>
    <xf numFmtId="0" fontId="35" fillId="0" borderId="16" xfId="0" applyFont="1" applyBorder="1" applyAlignment="1">
      <alignment horizontal="center" vertical="center" wrapText="1"/>
    </xf>
    <xf numFmtId="0" fontId="35" fillId="0" borderId="4" xfId="0" applyFont="1" applyBorder="1" applyAlignment="1">
      <alignment horizontal="center" vertical="center"/>
    </xf>
    <xf numFmtId="0" fontId="34" fillId="0" borderId="4" xfId="0" applyFont="1" applyBorder="1" applyAlignment="1">
      <alignment horizontal="center" vertical="center"/>
    </xf>
    <xf numFmtId="0" fontId="34" fillId="0" borderId="9" xfId="0" applyFont="1" applyBorder="1" applyAlignment="1">
      <alignment horizontal="center" vertical="center"/>
    </xf>
    <xf numFmtId="0" fontId="34" fillId="0" borderId="4" xfId="0" applyFont="1" applyBorder="1" applyAlignment="1">
      <alignment horizontal="distributed" vertical="center" indent="1"/>
    </xf>
    <xf numFmtId="0" fontId="28" fillId="0" borderId="18" xfId="0" applyFont="1" applyBorder="1" applyAlignment="1">
      <alignment horizontal="center" vertical="center"/>
    </xf>
    <xf numFmtId="0" fontId="28" fillId="0" borderId="37" xfId="0" applyFont="1" applyBorder="1" applyAlignment="1">
      <alignment horizontal="center" vertical="center"/>
    </xf>
    <xf numFmtId="0" fontId="28" fillId="0" borderId="17" xfId="0" applyFont="1" applyBorder="1" applyAlignment="1">
      <alignment horizontal="center" vertical="center"/>
    </xf>
    <xf numFmtId="0" fontId="28" fillId="0" borderId="19" xfId="0" applyFont="1" applyBorder="1" applyAlignment="1">
      <alignment horizontal="center" vertical="center"/>
    </xf>
    <xf numFmtId="0" fontId="28" fillId="0" borderId="20" xfId="0" applyFont="1" applyBorder="1" applyAlignment="1">
      <alignment horizontal="center" vertical="center"/>
    </xf>
    <xf numFmtId="0" fontId="28" fillId="0" borderId="36" xfId="0" applyFont="1" applyBorder="1" applyAlignment="1">
      <alignment horizontal="center" vertical="center"/>
    </xf>
    <xf numFmtId="0" fontId="34" fillId="0" borderId="17" xfId="0" applyFont="1" applyBorder="1" applyAlignment="1">
      <alignment horizontal="distributed" vertical="center" indent="1"/>
    </xf>
    <xf numFmtId="0" fontId="34" fillId="0" borderId="18" xfId="0" applyFont="1" applyBorder="1">
      <alignment vertical="center"/>
    </xf>
    <xf numFmtId="0" fontId="34" fillId="0" borderId="37" xfId="0" applyFont="1" applyBorder="1">
      <alignment vertical="center"/>
    </xf>
    <xf numFmtId="0" fontId="34" fillId="0" borderId="17" xfId="0" applyFont="1" applyBorder="1">
      <alignment vertical="center"/>
    </xf>
    <xf numFmtId="0" fontId="5" fillId="0" borderId="5" xfId="0" applyFont="1" applyBorder="1" applyAlignment="1">
      <alignment horizontal="left"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0" fontId="5" fillId="0" borderId="8" xfId="0" applyFont="1" applyBorder="1" applyAlignment="1">
      <alignment horizontal="left" vertical="center"/>
    </xf>
    <xf numFmtId="0" fontId="0" fillId="0" borderId="0" xfId="0" applyAlignment="1">
      <alignment horizontal="left" vertical="center" indent="1" shrinkToFit="1"/>
    </xf>
    <xf numFmtId="0" fontId="0" fillId="0" borderId="1" xfId="0" applyBorder="1" applyAlignment="1">
      <alignment horizontal="left" vertical="top"/>
    </xf>
    <xf numFmtId="0" fontId="0" fillId="0" borderId="2" xfId="0" applyBorder="1" applyAlignment="1">
      <alignment horizontal="left" vertical="top"/>
    </xf>
    <xf numFmtId="0" fontId="0" fillId="0" borderId="3" xfId="0" applyBorder="1" applyAlignment="1">
      <alignment horizontal="left" vertical="top"/>
    </xf>
    <xf numFmtId="0" fontId="0" fillId="0" borderId="13" xfId="0" applyBorder="1" applyAlignment="1">
      <alignment horizontal="left" vertical="top" wrapText="1" indent="1"/>
    </xf>
    <xf numFmtId="0" fontId="0" fillId="0" borderId="0" xfId="0" applyAlignment="1">
      <alignment horizontal="left" vertical="top" wrapText="1" indent="1"/>
    </xf>
    <xf numFmtId="0" fontId="0" fillId="0" borderId="14" xfId="0" applyBorder="1" applyAlignment="1">
      <alignment horizontal="left" vertical="top" wrapText="1" indent="1"/>
    </xf>
    <xf numFmtId="0" fontId="17" fillId="0" borderId="13" xfId="0" applyFont="1" applyBorder="1" applyAlignment="1">
      <alignment horizontal="left" vertical="top" wrapText="1"/>
    </xf>
    <xf numFmtId="0" fontId="17" fillId="0" borderId="0" xfId="0" applyFont="1" applyAlignment="1">
      <alignment horizontal="left" vertical="top" wrapText="1"/>
    </xf>
    <xf numFmtId="0" fontId="17" fillId="0" borderId="14" xfId="0" applyFont="1" applyBorder="1" applyAlignment="1">
      <alignment horizontal="left" vertical="top" wrapText="1"/>
    </xf>
    <xf numFmtId="0" fontId="14" fillId="0" borderId="9" xfId="0" applyFont="1" applyBorder="1" applyAlignment="1">
      <alignment horizontal="left" vertical="top" wrapText="1"/>
    </xf>
    <xf numFmtId="0" fontId="14" fillId="0" borderId="10" xfId="0" applyFont="1" applyBorder="1" applyAlignment="1">
      <alignment horizontal="left" vertical="top" wrapText="1"/>
    </xf>
    <xf numFmtId="0" fontId="0" fillId="0" borderId="13" xfId="0" applyBorder="1" applyAlignment="1">
      <alignment horizontal="left" vertical="top" wrapText="1"/>
    </xf>
    <xf numFmtId="0" fontId="0" fillId="0" borderId="0" xfId="0" applyAlignment="1">
      <alignment horizontal="left" vertical="top" wrapText="1"/>
    </xf>
    <xf numFmtId="0" fontId="0" fillId="0" borderId="14" xfId="0" applyBorder="1" applyAlignment="1">
      <alignment horizontal="left" vertical="top" wrapText="1"/>
    </xf>
    <xf numFmtId="0" fontId="0" fillId="0" borderId="1" xfId="0" applyBorder="1" applyAlignment="1">
      <alignment vertical="top" wrapText="1"/>
    </xf>
    <xf numFmtId="0" fontId="0" fillId="0" borderId="2" xfId="0" applyBorder="1" applyAlignment="1">
      <alignment vertical="top" wrapText="1"/>
    </xf>
    <xf numFmtId="0" fontId="0" fillId="0" borderId="3" xfId="0" applyBorder="1" applyAlignment="1">
      <alignment vertical="top" wrapText="1"/>
    </xf>
    <xf numFmtId="0" fontId="0" fillId="0" borderId="7" xfId="0" applyBorder="1" applyAlignment="1">
      <alignment vertical="top" wrapText="1"/>
    </xf>
    <xf numFmtId="0" fontId="0" fillId="0" borderId="15" xfId="0" applyBorder="1" applyAlignment="1">
      <alignment vertical="top" wrapText="1"/>
    </xf>
    <xf numFmtId="0" fontId="0" fillId="0" borderId="8" xfId="0" applyBorder="1" applyAlignment="1">
      <alignment vertical="top" wrapText="1"/>
    </xf>
    <xf numFmtId="0" fontId="17" fillId="0" borderId="13" xfId="0" applyFont="1" applyBorder="1" applyAlignment="1">
      <alignment horizontal="left" vertical="top" wrapText="1" indent="1"/>
    </xf>
    <xf numFmtId="0" fontId="17" fillId="0" borderId="0" xfId="0" applyFont="1" applyAlignment="1">
      <alignment horizontal="left" vertical="top" wrapText="1" indent="1"/>
    </xf>
    <xf numFmtId="0" fontId="17" fillId="0" borderId="14" xfId="0" applyFont="1" applyBorder="1" applyAlignment="1">
      <alignment horizontal="left" vertical="top" wrapText="1" indent="1"/>
    </xf>
    <xf numFmtId="0" fontId="0" fillId="0" borderId="13" xfId="0" applyBorder="1" applyAlignment="1">
      <alignment horizontal="left" vertical="top" wrapText="1" indent="2"/>
    </xf>
    <xf numFmtId="0" fontId="0" fillId="0" borderId="0" xfId="0" applyAlignment="1">
      <alignment horizontal="left" vertical="top" wrapText="1" indent="2"/>
    </xf>
    <xf numFmtId="0" fontId="0" fillId="0" borderId="14" xfId="0" applyBorder="1" applyAlignment="1">
      <alignment horizontal="left" vertical="top" wrapText="1" indent="2"/>
    </xf>
    <xf numFmtId="0" fontId="0" fillId="0" borderId="7" xfId="0" applyBorder="1" applyAlignment="1">
      <alignment horizontal="left" vertical="top" wrapText="1"/>
    </xf>
    <xf numFmtId="0" fontId="0" fillId="0" borderId="15" xfId="0" applyBorder="1" applyAlignment="1">
      <alignment horizontal="left" vertical="top" wrapText="1"/>
    </xf>
    <xf numFmtId="0" fontId="0" fillId="0" borderId="8" xfId="0" applyBorder="1" applyAlignment="1">
      <alignment horizontal="left" vertical="top" wrapText="1"/>
    </xf>
    <xf numFmtId="0" fontId="19" fillId="0" borderId="7" xfId="0" applyFont="1" applyBorder="1">
      <alignment vertical="center"/>
    </xf>
    <xf numFmtId="0" fontId="19" fillId="0" borderId="15" xfId="0" applyFont="1" applyBorder="1">
      <alignment vertical="center"/>
    </xf>
    <xf numFmtId="0" fontId="19" fillId="0" borderId="8" xfId="0" applyFont="1" applyBorder="1">
      <alignment vertical="center"/>
    </xf>
    <xf numFmtId="0" fontId="14" fillId="0" borderId="12" xfId="0" applyFont="1" applyBorder="1" applyAlignment="1">
      <alignment horizontal="left" vertical="top" wrapText="1"/>
    </xf>
    <xf numFmtId="0" fontId="26" fillId="0" borderId="13" xfId="0" applyFont="1" applyBorder="1" applyAlignment="1">
      <alignment horizontal="left" vertical="top" wrapText="1" indent="2"/>
    </xf>
    <xf numFmtId="0" fontId="26" fillId="0" borderId="0" xfId="0" applyFont="1" applyAlignment="1">
      <alignment horizontal="left" vertical="top" wrapText="1" indent="2"/>
    </xf>
    <xf numFmtId="0" fontId="26" fillId="0" borderId="14" xfId="0" applyFont="1" applyBorder="1" applyAlignment="1">
      <alignment horizontal="left" vertical="top" wrapText="1" indent="2"/>
    </xf>
    <xf numFmtId="0" fontId="17" fillId="0" borderId="12" xfId="0" applyFont="1" applyBorder="1" applyAlignment="1">
      <alignment horizontal="left" vertical="top" wrapText="1" indent="3"/>
    </xf>
    <xf numFmtId="0" fontId="0" fillId="0" borderId="13" xfId="0" applyBorder="1" applyAlignment="1">
      <alignment horizontal="left" vertical="top" wrapText="1" indent="3"/>
    </xf>
    <xf numFmtId="0" fontId="0" fillId="0" borderId="0" xfId="0" applyAlignment="1">
      <alignment horizontal="left" vertical="top" wrapText="1" indent="3"/>
    </xf>
    <xf numFmtId="0" fontId="0" fillId="0" borderId="14" xfId="0" applyBorder="1" applyAlignment="1">
      <alignment horizontal="left" vertical="top" wrapText="1" indent="3"/>
    </xf>
    <xf numFmtId="0" fontId="16" fillId="0" borderId="13" xfId="0" applyFont="1" applyBorder="1" applyAlignment="1">
      <alignment horizontal="center" vertical="top"/>
    </xf>
    <xf numFmtId="0" fontId="16" fillId="0" borderId="0" xfId="0" applyFont="1" applyAlignment="1">
      <alignment horizontal="center" vertical="top"/>
    </xf>
    <xf numFmtId="0" fontId="16" fillId="0" borderId="14" xfId="0" applyFont="1" applyBorder="1" applyAlignment="1">
      <alignment horizontal="center" vertical="top"/>
    </xf>
    <xf numFmtId="0" fontId="17" fillId="0" borderId="13" xfId="0" applyFont="1" applyBorder="1" applyAlignment="1">
      <alignment horizontal="left" vertical="top" indent="3"/>
    </xf>
    <xf numFmtId="0" fontId="17" fillId="0" borderId="0" xfId="0" applyFont="1" applyAlignment="1">
      <alignment horizontal="left" vertical="top" indent="3"/>
    </xf>
    <xf numFmtId="0" fontId="17" fillId="0" borderId="14" xfId="0" applyFont="1" applyBorder="1" applyAlignment="1">
      <alignment horizontal="left" vertical="top" indent="3"/>
    </xf>
    <xf numFmtId="0" fontId="17" fillId="0" borderId="13" xfId="0" applyFont="1" applyBorder="1" applyAlignment="1">
      <alignment horizontal="left" vertical="top" wrapText="1" indent="2"/>
    </xf>
    <xf numFmtId="0" fontId="17" fillId="0" borderId="0" xfId="0" applyFont="1" applyAlignment="1">
      <alignment horizontal="left" vertical="top" wrapText="1" indent="2"/>
    </xf>
    <xf numFmtId="0" fontId="17" fillId="0" borderId="14" xfId="0" applyFont="1" applyBorder="1" applyAlignment="1">
      <alignment horizontal="left" vertical="top" wrapText="1" indent="2"/>
    </xf>
    <xf numFmtId="0" fontId="0" fillId="0" borderId="13" xfId="0" applyBorder="1" applyAlignment="1">
      <alignment horizontal="left" vertical="center" wrapText="1"/>
    </xf>
    <xf numFmtId="0" fontId="17" fillId="0" borderId="0" xfId="0" applyFont="1" applyAlignment="1">
      <alignment horizontal="left" vertical="center" wrapText="1"/>
    </xf>
    <xf numFmtId="0" fontId="17" fillId="0" borderId="14" xfId="0" applyFont="1" applyBorder="1" applyAlignment="1">
      <alignment horizontal="left" vertical="center" wrapText="1"/>
    </xf>
    <xf numFmtId="176" fontId="15" fillId="3" borderId="0" xfId="0" applyNumberFormat="1" applyFont="1" applyFill="1" applyAlignment="1" applyProtection="1">
      <alignment horizontal="center" vertical="center" wrapText="1"/>
      <protection locked="0"/>
    </xf>
    <xf numFmtId="0" fontId="0" fillId="0" borderId="9" xfId="0" applyBorder="1" applyAlignment="1">
      <alignment horizontal="left" vertical="top" wrapText="1"/>
    </xf>
    <xf numFmtId="0" fontId="0" fillId="0" borderId="12" xfId="0" applyBorder="1" applyAlignment="1">
      <alignment horizontal="left" vertical="top" wrapText="1"/>
    </xf>
    <xf numFmtId="0" fontId="0" fillId="0" borderId="1" xfId="0" applyBorder="1" applyAlignment="1">
      <alignment horizontal="left" vertical="top" wrapText="1"/>
    </xf>
    <xf numFmtId="0" fontId="0" fillId="0" borderId="2" xfId="0" applyBorder="1" applyAlignment="1">
      <alignment horizontal="left" vertical="top" wrapText="1"/>
    </xf>
    <xf numFmtId="0" fontId="0" fillId="0" borderId="3" xfId="0" applyBorder="1" applyAlignment="1">
      <alignment horizontal="left" vertical="top" wrapText="1"/>
    </xf>
    <xf numFmtId="0" fontId="0" fillId="0" borderId="13" xfId="0" applyBorder="1" applyAlignment="1">
      <alignment horizontal="left" vertical="center" wrapText="1" indent="2"/>
    </xf>
    <xf numFmtId="0" fontId="0" fillId="0" borderId="0" xfId="0" applyAlignment="1">
      <alignment horizontal="left" vertical="center" wrapText="1" indent="2"/>
    </xf>
    <xf numFmtId="0" fontId="0" fillId="3" borderId="0" xfId="0" applyFill="1" applyAlignment="1" applyProtection="1">
      <alignment horizontal="center" vertical="center" shrinkToFit="1"/>
      <protection locked="0"/>
    </xf>
    <xf numFmtId="0" fontId="0" fillId="0" borderId="13" xfId="0" applyBorder="1" applyAlignment="1">
      <alignment horizontal="center" vertical="top" wrapText="1"/>
    </xf>
    <xf numFmtId="0" fontId="0" fillId="0" borderId="0" xfId="0" applyAlignment="1">
      <alignment horizontal="center" vertical="top" wrapText="1"/>
    </xf>
    <xf numFmtId="0" fontId="0" fillId="0" borderId="14" xfId="0" applyBorder="1" applyAlignment="1">
      <alignment horizontal="center" vertical="top" wrapText="1"/>
    </xf>
    <xf numFmtId="0" fontId="0" fillId="0" borderId="7" xfId="0" applyBorder="1" applyAlignment="1">
      <alignment horizontal="center" vertical="top" wrapText="1"/>
    </xf>
    <xf numFmtId="0" fontId="0" fillId="0" borderId="15" xfId="0" applyBorder="1" applyAlignment="1">
      <alignment horizontal="center" vertical="top" wrapText="1"/>
    </xf>
    <xf numFmtId="0" fontId="0" fillId="0" borderId="8" xfId="0" applyBorder="1" applyAlignment="1">
      <alignment horizontal="center" vertical="top" wrapText="1"/>
    </xf>
    <xf numFmtId="0" fontId="17" fillId="0" borderId="13" xfId="0" applyFont="1" applyBorder="1" applyAlignment="1">
      <alignment horizontal="center" vertical="top" wrapText="1"/>
    </xf>
    <xf numFmtId="0" fontId="17" fillId="0" borderId="0" xfId="0" applyFont="1" applyAlignment="1">
      <alignment horizontal="center" vertical="top" wrapText="1"/>
    </xf>
    <xf numFmtId="0" fontId="17" fillId="0" borderId="14" xfId="0" applyFont="1" applyBorder="1" applyAlignment="1">
      <alignment horizontal="center" vertical="top" wrapText="1"/>
    </xf>
    <xf numFmtId="0" fontId="14" fillId="0" borderId="13" xfId="0" applyFont="1" applyBorder="1" applyAlignment="1">
      <alignment horizontal="center" vertical="top" wrapText="1"/>
    </xf>
    <xf numFmtId="0" fontId="14" fillId="0" borderId="0" xfId="0" applyFont="1" applyAlignment="1">
      <alignment horizontal="center" vertical="top" wrapText="1"/>
    </xf>
    <xf numFmtId="0" fontId="14" fillId="0" borderId="14" xfId="0" applyFont="1" applyBorder="1" applyAlignment="1">
      <alignment horizontal="center" vertical="top" wrapText="1"/>
    </xf>
    <xf numFmtId="0" fontId="0" fillId="0" borderId="15" xfId="0" applyBorder="1" applyAlignment="1">
      <alignment horizontal="center" vertical="center" wrapText="1"/>
    </xf>
    <xf numFmtId="0" fontId="0" fillId="0" borderId="0" xfId="0" applyAlignment="1">
      <alignment horizontal="center" vertical="center" wrapText="1"/>
    </xf>
    <xf numFmtId="0" fontId="0" fillId="0" borderId="0" xfId="0" applyAlignment="1" applyProtection="1">
      <alignment horizontal="center" vertical="center" wrapText="1"/>
      <protection locked="0"/>
    </xf>
    <xf numFmtId="177" fontId="0" fillId="0" borderId="0" xfId="0" applyNumberFormat="1" applyAlignment="1" applyProtection="1">
      <alignment horizontal="center" vertical="center" wrapText="1"/>
      <protection locked="0"/>
    </xf>
    <xf numFmtId="0" fontId="0" fillId="0" borderId="7" xfId="0" applyBorder="1" applyAlignment="1">
      <alignment horizontal="center" vertical="center"/>
    </xf>
    <xf numFmtId="0" fontId="0" fillId="0" borderId="15" xfId="0" applyBorder="1" applyAlignment="1">
      <alignment horizontal="center" vertical="center"/>
    </xf>
    <xf numFmtId="0" fontId="0" fillId="0" borderId="8" xfId="0" applyBorder="1" applyAlignment="1">
      <alignment horizontal="center" vertical="center"/>
    </xf>
    <xf numFmtId="0" fontId="0" fillId="0" borderId="0" xfId="0" applyAlignment="1">
      <alignment horizontal="left" vertical="center" wrapText="1"/>
    </xf>
    <xf numFmtId="0" fontId="25" fillId="0" borderId="13" xfId="0" applyFont="1" applyBorder="1" applyAlignment="1">
      <alignment horizontal="left" vertical="top" wrapText="1" indent="1"/>
    </xf>
    <xf numFmtId="0" fontId="24" fillId="0" borderId="0" xfId="0" applyFont="1" applyAlignment="1">
      <alignment horizontal="left" vertical="top" wrapText="1" indent="1"/>
    </xf>
    <xf numFmtId="0" fontId="24" fillId="0" borderId="14" xfId="0" applyFont="1" applyBorder="1" applyAlignment="1">
      <alignment horizontal="left" vertical="top" wrapText="1" indent="1"/>
    </xf>
    <xf numFmtId="0" fontId="5" fillId="2" borderId="4" xfId="0" applyFont="1" applyFill="1" applyBorder="1" applyAlignment="1">
      <alignment horizontal="center" vertical="center"/>
    </xf>
    <xf numFmtId="0" fontId="8" fillId="2" borderId="9" xfId="0" applyFont="1" applyFill="1" applyBorder="1" applyAlignment="1">
      <alignment horizontal="center" vertical="center" wrapText="1"/>
    </xf>
    <xf numFmtId="0" fontId="8" fillId="2" borderId="10" xfId="0" applyFont="1" applyFill="1" applyBorder="1" applyAlignment="1">
      <alignment horizontal="center" vertical="center" wrapText="1"/>
    </xf>
    <xf numFmtId="0" fontId="8" fillId="2" borderId="5" xfId="0" applyFont="1" applyFill="1" applyBorder="1" applyAlignment="1">
      <alignment horizontal="center" vertical="center" shrinkToFit="1"/>
    </xf>
    <xf numFmtId="0" fontId="8" fillId="2" borderId="11" xfId="0" applyFont="1" applyFill="1" applyBorder="1" applyAlignment="1">
      <alignment horizontal="center" vertical="center" shrinkToFit="1"/>
    </xf>
    <xf numFmtId="0" fontId="8" fillId="2" borderId="6" xfId="0" applyFont="1" applyFill="1" applyBorder="1" applyAlignment="1">
      <alignment horizontal="center" vertical="center" shrinkToFit="1"/>
    </xf>
    <xf numFmtId="0" fontId="5" fillId="2" borderId="9" xfId="0" applyFont="1" applyFill="1" applyBorder="1" applyAlignment="1">
      <alignment horizontal="center" vertical="center"/>
    </xf>
    <xf numFmtId="0" fontId="5" fillId="2" borderId="10" xfId="0" applyFont="1" applyFill="1" applyBorder="1" applyAlignment="1">
      <alignment horizontal="center" vertical="center"/>
    </xf>
    <xf numFmtId="0" fontId="19" fillId="0" borderId="5" xfId="0" applyFont="1" applyBorder="1">
      <alignment vertical="center"/>
    </xf>
    <xf numFmtId="0" fontId="19" fillId="0" borderId="11" xfId="0" applyFont="1" applyBorder="1">
      <alignment vertical="center"/>
    </xf>
    <xf numFmtId="0" fontId="19" fillId="0" borderId="6" xfId="0" applyFont="1" applyBorder="1">
      <alignment vertical="center"/>
    </xf>
    <xf numFmtId="0" fontId="13" fillId="0" borderId="9" xfId="0" applyFont="1" applyBorder="1" applyAlignment="1">
      <alignment vertical="top" wrapText="1"/>
    </xf>
    <xf numFmtId="0" fontId="13" fillId="0" borderId="12" xfId="0" applyFont="1" applyBorder="1" applyAlignment="1">
      <alignment vertical="top" wrapText="1"/>
    </xf>
    <xf numFmtId="0" fontId="0" fillId="0" borderId="9" xfId="0" applyBorder="1" applyAlignment="1">
      <alignment vertical="top" wrapText="1"/>
    </xf>
    <xf numFmtId="0" fontId="0" fillId="0" borderId="12" xfId="0" applyBorder="1" applyAlignment="1">
      <alignment vertical="top" wrapText="1"/>
    </xf>
    <xf numFmtId="0" fontId="0" fillId="0" borderId="9" xfId="0" applyBorder="1" applyAlignment="1">
      <alignment vertical="top"/>
    </xf>
    <xf numFmtId="0" fontId="0" fillId="0" borderId="12" xfId="0" applyBorder="1" applyAlignment="1">
      <alignment vertical="top"/>
    </xf>
    <xf numFmtId="0" fontId="0" fillId="0" borderId="12" xfId="0" applyBorder="1" applyAlignment="1">
      <alignment horizontal="left" vertical="top"/>
    </xf>
    <xf numFmtId="0" fontId="13" fillId="0" borderId="12" xfId="0" applyFont="1" applyBorder="1" applyAlignment="1">
      <alignment horizontal="left" vertical="top" wrapText="1"/>
    </xf>
    <xf numFmtId="0" fontId="13" fillId="0" borderId="12" xfId="0" applyFont="1" applyBorder="1" applyAlignment="1">
      <alignment vertical="top"/>
    </xf>
    <xf numFmtId="0" fontId="13" fillId="0" borderId="13" xfId="0" applyFont="1" applyBorder="1" applyAlignment="1">
      <alignment horizontal="left" vertical="center" wrapText="1"/>
    </xf>
    <xf numFmtId="0" fontId="14" fillId="0" borderId="0" xfId="0" applyFont="1" applyAlignment="1">
      <alignment horizontal="left" vertical="center" wrapText="1"/>
    </xf>
    <xf numFmtId="0" fontId="14" fillId="0" borderId="14" xfId="0" applyFont="1" applyBorder="1" applyAlignment="1">
      <alignment horizontal="left" vertical="center" wrapText="1"/>
    </xf>
    <xf numFmtId="0" fontId="16" fillId="0" borderId="1" xfId="0" applyFont="1" applyBorder="1" applyAlignment="1">
      <alignment vertical="top"/>
    </xf>
    <xf numFmtId="0" fontId="16" fillId="0" borderId="2" xfId="0" applyFont="1" applyBorder="1" applyAlignment="1">
      <alignment vertical="top"/>
    </xf>
    <xf numFmtId="0" fontId="16" fillId="0" borderId="3" xfId="0" applyFont="1" applyBorder="1" applyAlignment="1">
      <alignment vertical="top"/>
    </xf>
    <xf numFmtId="0" fontId="26" fillId="0" borderId="13" xfId="0" applyFont="1" applyBorder="1" applyAlignment="1">
      <alignment horizontal="left" vertical="top" wrapText="1" indent="3"/>
    </xf>
    <xf numFmtId="0" fontId="12" fillId="0" borderId="0" xfId="0" applyFont="1" applyAlignment="1">
      <alignment horizontal="left" vertical="top" wrapText="1" indent="3"/>
    </xf>
    <xf numFmtId="0" fontId="12" fillId="0" borderId="14" xfId="0" applyFont="1" applyBorder="1" applyAlignment="1">
      <alignment horizontal="left" vertical="top" wrapText="1" indent="3"/>
    </xf>
    <xf numFmtId="0" fontId="17" fillId="0" borderId="13" xfId="0" applyFont="1" applyBorder="1" applyAlignment="1">
      <alignment horizontal="center" vertical="center" wrapText="1"/>
    </xf>
    <xf numFmtId="0" fontId="17" fillId="0" borderId="0" xfId="0" applyFont="1" applyAlignment="1">
      <alignment horizontal="center" vertical="center" wrapText="1"/>
    </xf>
    <xf numFmtId="0" fontId="17" fillId="0" borderId="14" xfId="0" applyFont="1" applyBorder="1" applyAlignment="1">
      <alignment horizontal="center" vertical="center" wrapText="1"/>
    </xf>
    <xf numFmtId="0" fontId="0" fillId="0" borderId="13" xfId="0" applyBorder="1" applyAlignment="1">
      <alignment horizontal="center" vertical="center" wrapText="1"/>
    </xf>
    <xf numFmtId="0" fontId="0" fillId="0" borderId="14" xfId="0" applyBorder="1" applyAlignment="1">
      <alignment horizontal="center" vertical="center" wrapText="1"/>
    </xf>
    <xf numFmtId="0" fontId="17" fillId="0" borderId="0" xfId="0" applyFont="1" applyAlignment="1">
      <alignment horizontal="right" vertical="center" shrinkToFit="1"/>
    </xf>
    <xf numFmtId="176" fontId="16" fillId="3" borderId="0" xfId="0" applyNumberFormat="1" applyFont="1" applyFill="1" applyAlignment="1" applyProtection="1">
      <alignment horizontal="center" vertical="center" wrapText="1"/>
      <protection locked="0"/>
    </xf>
    <xf numFmtId="0" fontId="17" fillId="0" borderId="0" xfId="0" applyFont="1" applyAlignment="1">
      <alignment horizontal="left" vertical="center" wrapText="1" indent="2" shrinkToFit="1"/>
    </xf>
    <xf numFmtId="0" fontId="17" fillId="0" borderId="0" xfId="0" applyFont="1" applyAlignment="1">
      <alignment horizontal="left" vertical="center" indent="2" shrinkToFit="1"/>
    </xf>
    <xf numFmtId="176" fontId="15" fillId="3" borderId="15" xfId="0" applyNumberFormat="1" applyFont="1" applyFill="1" applyBorder="1" applyAlignment="1" applyProtection="1">
      <alignment horizontal="center" vertical="center" wrapText="1"/>
      <protection locked="0"/>
    </xf>
    <xf numFmtId="0" fontId="0" fillId="0" borderId="0" xfId="0" applyAlignment="1">
      <alignment horizontal="left" vertical="center" shrinkToFit="1"/>
    </xf>
    <xf numFmtId="0" fontId="0" fillId="0" borderId="9" xfId="0" applyBorder="1" applyAlignment="1">
      <alignment horizontal="center" vertical="top"/>
    </xf>
    <xf numFmtId="0" fontId="0" fillId="0" borderId="12" xfId="0" applyBorder="1" applyAlignment="1">
      <alignment horizontal="center" vertical="top"/>
    </xf>
    <xf numFmtId="0" fontId="0" fillId="0" borderId="0" xfId="0" applyAlignment="1">
      <alignment horizontal="left" wrapText="1"/>
    </xf>
    <xf numFmtId="0" fontId="0" fillId="0" borderId="14" xfId="0" applyBorder="1" applyAlignment="1">
      <alignment horizontal="left" wrapText="1"/>
    </xf>
    <xf numFmtId="0" fontId="0" fillId="0" borderId="10" xfId="0" applyBorder="1" applyAlignment="1">
      <alignment horizontal="left" vertical="top" wrapText="1"/>
    </xf>
    <xf numFmtId="0" fontId="14" fillId="0" borderId="10" xfId="0" applyFont="1" applyBorder="1" applyAlignment="1">
      <alignment horizontal="left" vertical="top"/>
    </xf>
    <xf numFmtId="0" fontId="0" fillId="0" borderId="12" xfId="0" applyBorder="1" applyAlignment="1" applyProtection="1">
      <alignment horizontal="center" vertical="top"/>
      <protection locked="0"/>
    </xf>
    <xf numFmtId="0" fontId="18" fillId="0" borderId="34" xfId="0" applyFont="1" applyBorder="1" applyAlignment="1">
      <alignment horizontal="center" vertical="center" textRotation="255" wrapText="1"/>
    </xf>
    <xf numFmtId="0" fontId="18" fillId="0" borderId="25" xfId="0" applyFont="1" applyBorder="1" applyAlignment="1">
      <alignment horizontal="center" vertical="center" textRotation="255" wrapText="1"/>
    </xf>
    <xf numFmtId="0" fontId="18" fillId="0" borderId="24" xfId="0" applyFont="1" applyBorder="1" applyAlignment="1">
      <alignment horizontal="center" vertical="center" textRotation="255" wrapText="1"/>
    </xf>
    <xf numFmtId="0" fontId="18" fillId="0" borderId="35" xfId="0" applyFont="1" applyBorder="1" applyAlignment="1">
      <alignment horizontal="center" vertical="center" textRotation="255" wrapText="1"/>
    </xf>
    <xf numFmtId="0" fontId="18" fillId="0" borderId="31" xfId="0" applyFont="1" applyBorder="1" applyAlignment="1">
      <alignment horizontal="center" vertical="center" textRotation="255" wrapText="1"/>
    </xf>
    <xf numFmtId="0" fontId="18" fillId="0" borderId="30" xfId="0" applyFont="1" applyBorder="1" applyAlignment="1">
      <alignment horizontal="center" vertical="center" textRotation="255" wrapText="1"/>
    </xf>
  </cellXfs>
  <cellStyles count="2">
    <cellStyle name="標準" xfId="0" builtinId="0"/>
    <cellStyle name="標準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1</xdr:col>
      <xdr:colOff>38420</xdr:colOff>
      <xdr:row>18</xdr:row>
      <xdr:rowOff>33617</xdr:rowOff>
    </xdr:from>
    <xdr:to>
      <xdr:col>10</xdr:col>
      <xdr:colOff>257734</xdr:colOff>
      <xdr:row>20</xdr:row>
      <xdr:rowOff>183296</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a:xfrm>
          <a:off x="1181420" y="23868529"/>
          <a:ext cx="4511167" cy="620326"/>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3200">
              <a:solidFill>
                <a:schemeClr val="tx1"/>
              </a:solidFill>
            </a:rPr>
            <a:t>自　主　点　検　表</a:t>
          </a:r>
        </a:p>
      </xdr:txBody>
    </xdr:sp>
    <xdr:clientData/>
  </xdr:twoCellAnchor>
  <xdr:oneCellAnchor>
    <xdr:from>
      <xdr:col>13</xdr:col>
      <xdr:colOff>5602941</xdr:colOff>
      <xdr:row>38</xdr:row>
      <xdr:rowOff>1176618</xdr:rowOff>
    </xdr:from>
    <xdr:ext cx="184731" cy="264560"/>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12573000" y="29930912"/>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oneCellAnchor>
    <xdr:from>
      <xdr:col>13</xdr:col>
      <xdr:colOff>1893794</xdr:colOff>
      <xdr:row>42</xdr:row>
      <xdr:rowOff>212912</xdr:rowOff>
    </xdr:from>
    <xdr:ext cx="184731" cy="264560"/>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8863853" y="30491206"/>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twoCellAnchor>
    <xdr:from>
      <xdr:col>13</xdr:col>
      <xdr:colOff>67860</xdr:colOff>
      <xdr:row>77</xdr:row>
      <xdr:rowOff>44824</xdr:rowOff>
    </xdr:from>
    <xdr:to>
      <xdr:col>13</xdr:col>
      <xdr:colOff>5905500</xdr:colOff>
      <xdr:row>84</xdr:row>
      <xdr:rowOff>134470</xdr:rowOff>
    </xdr:to>
    <xdr:sp macro="" textlink="">
      <xdr:nvSpPr>
        <xdr:cNvPr id="110" name="正方形/長方形 109">
          <a:extLst>
            <a:ext uri="{FF2B5EF4-FFF2-40B4-BE49-F238E27FC236}">
              <a16:creationId xmlns:a16="http://schemas.microsoft.com/office/drawing/2014/main" id="{00000000-0008-0000-0000-00006E000000}"/>
            </a:ext>
          </a:extLst>
        </xdr:cNvPr>
        <xdr:cNvSpPr/>
      </xdr:nvSpPr>
      <xdr:spPr>
        <a:xfrm>
          <a:off x="7126943" y="239693824"/>
          <a:ext cx="5837640" cy="1793563"/>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会計基準省令</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附属明細書）</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第３０条　法第四十五条の二十七第二項の規定により作成すべき各会計年度に係る計算書類の附属明細書は、当</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該会計年度に係る会計帳簿に基づき作成される次に掲げるものとする。この場合において、第一号から第七号</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までに掲げる附属明細書にあっては法人全体について、第八号から第十九号までに掲げる附属明細書にあって</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は拠点区分ごとに作成するもの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一～十四　（略）</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十五　就労支援事業別事業活動明細書</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十六　就労支援事業製造原価明細書</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十七　就労支援事業販管費明細書</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十八　就労支援事業明細書</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十九　授産事業費用明細書</a:t>
          </a:r>
        </a:p>
      </xdr:txBody>
    </xdr:sp>
    <xdr:clientData/>
  </xdr:twoCellAnchor>
  <xdr:twoCellAnchor>
    <xdr:from>
      <xdr:col>13</xdr:col>
      <xdr:colOff>58517</xdr:colOff>
      <xdr:row>85</xdr:row>
      <xdr:rowOff>23655</xdr:rowOff>
    </xdr:from>
    <xdr:to>
      <xdr:col>13</xdr:col>
      <xdr:colOff>5916082</xdr:colOff>
      <xdr:row>92</xdr:row>
      <xdr:rowOff>1001681</xdr:rowOff>
    </xdr:to>
    <xdr:sp macro="" textlink="">
      <xdr:nvSpPr>
        <xdr:cNvPr id="111" name="正方形/長方形 110">
          <a:extLst>
            <a:ext uri="{FF2B5EF4-FFF2-40B4-BE49-F238E27FC236}">
              <a16:creationId xmlns:a16="http://schemas.microsoft.com/office/drawing/2014/main" id="{00000000-0008-0000-0000-00006F000000}"/>
            </a:ext>
          </a:extLst>
        </xdr:cNvPr>
        <xdr:cNvSpPr/>
      </xdr:nvSpPr>
      <xdr:spPr>
        <a:xfrm>
          <a:off x="7117600" y="241619988"/>
          <a:ext cx="5857565" cy="8058276"/>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局長通知</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２６（附属明細書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会計基準省令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条に規定する附属明細書は以下のものをいう。ただし、該当する事由がない場合は、当該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属明細書の作成は省略できるものと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拠点区分で作成する附属明細書（別紙３（⑧）から別紙３（⑲））</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エ　就労支援事業に関する明細書（別紙３（⑮）から別紙３（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の取扱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に関する明細書の取扱いは以下のとおり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ｱ</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対象範囲</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の範囲は以下のとおり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①　障害者の日常生活及び社会生活を総合的に支援するための法律第５条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項に規定する就労移行支援</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②　同法施行規則第６条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第１号に規定する就労継続支援Ａ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③　同法施行規則第６条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第２号に規定する就労継続支援Ｂ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また、同法第５条第７項に基づく生活介護等において、生産活動を実施する場合については、就労支援</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事業に関する明細書を作成できるもの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ｲ</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別事業活動明細書（別紙３（⑮）又は別紙３（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別事業活動明細書上の「就労支援事業販売原価」の計算については、以下のとおりであ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①　就労支援事業所で製造した製品を販売する場合</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販売原価）＝</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期首製品（商品）棚卸高）＋（当期就労支援事業製造原価）－（期末製品（商品）棚卸高）</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②　就労支援事業所以外で製造した商品を仕入れて販売する場合</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販売原価）＝</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期首製品（商品）棚卸高）＋（当期就労支援事業仕入高）－（期末製品（商品）棚卸高）</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ｳ</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製造原価明細書及び就労支援事業販管費明細書（別紙３（⑯）から別紙３（⑰－</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別事業活動明細書の「当期就労支援事業製造原価」及び「就労支援事業販管費」に関して、</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製造原価明細書」（別紙３（⑯）又は別紙３（⑯－</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就労支援事業販管費明細書」</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別紙３（⑰）又は別紙３（⑰－</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を作成するものとするが、その取扱いは以下のとおりであ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① 「製造業務に携わる利用者の賃金及び工賃」については、就労支援事業製造原価明細書に計上され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また、製造業務に携わる就労支援事業に従事する職業指導員等（以下「就労支援事業指導員等」という。）</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給与及び退職給付費用については、就労支援事業製造原価明細書に計上することができ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② 「販売業務に携わる利用者の賃金及び工賃」及び「製品の販売のために支出された費用」について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販管費明細書に計上される。また、販売業務に携わる就労支援事業指導員等の給与及び退</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職給付費用については、就労支援事業販管費明細書に計上することができ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③ 「就労支援事業製造原価明細書」及び「就労支援事業販管費明細書」について、多種少額の生産活動を</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行う等の理由により、作業種別ごとに区分することが困難な場合は、作業種別ごとの区分を省略するこ</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とができ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この場合において、別紙３（⑮）又は別紙３（⑮－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の「就労支援事業別事業活動明細書」を</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作成の際には、作業種別毎の区分は不要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ｴ</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明細書（別紙３（⑱）又は別紙３（⑱－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について</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サービス区分ごとに定める就労支援事業について、各就労支援事業の年間売上高が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000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万円以下であっ</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て、多種少額の生産活動を行う等の理由により、製造業務と販売業務に係る費用を区分することが困難な</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場合は、「就労支援事業製造原価明細書（別紙３（⑯）又は別紙３（⑯－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及び「就労支援事業販</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管費明細書（別紙３（⑰）又は別紙３（⑰－</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の作成に替えて、「就労支援事業明細書（別紙３（⑱）</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又は別紙３（⑱－</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を作成すれば足りること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この「就労支援事業明細書」上の「材料費」の計算について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材料費）＝（期首材料棚卸高）＋（当期材料仕入高）－（期末材料棚卸高）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この場合において、資金収支計算書上は「就労支援事業製造原価支出」を「就労支援事業支出」</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と読み替え、「就労支援事業販管費支出」を削除して作成するものとし、事業活動計算書上は「当期就労</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支援事業製造原価」を「就労支援事業費」と読み替え、「就労支援事業販管費」を削除して作成するも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とする。また、別紙３（⑮）又は別紙３（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の「就労支援事業別事業活動明細書」を作成の際に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同明細書上の「当期就労支援事業製造原価」を「就労支援事業費」と読み替え、「就労支援事業販管費」</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を削除して作成するものと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また、作業種別ごとに区分することが困難な場合は、作業種別ごとの区分を省略することもでき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endParaRPr kumimoji="1" lang="ja-JP" altLang="en-US"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オ　授産事業に関する明細書（別紙３（⑲））の取扱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授産施設で行う授産事業に関する明細書の取扱いは以下のとおり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ｱ</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対象範囲</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授産事業の範囲は以下のとおり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①　生活保護法（昭和</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法律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4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8</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条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項に規定する授産施設</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②　社会福祉法（昭和</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法律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条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項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7</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に規定する授産施設</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ｲ</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授産事業費用明細書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授産事業における費用の状況把握を適正に行うため、各法人においては</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授産事業費用明細書</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別紙３</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⑲））を作成し、授産事業に関する管理を適切に行うものとする。</a:t>
          </a:r>
        </a:p>
      </xdr:txBody>
    </xdr:sp>
    <xdr:clientData/>
  </xdr:twoCellAnchor>
  <xdr:twoCellAnchor>
    <xdr:from>
      <xdr:col>13</xdr:col>
      <xdr:colOff>78440</xdr:colOff>
      <xdr:row>95</xdr:row>
      <xdr:rowOff>56031</xdr:rowOff>
    </xdr:from>
    <xdr:to>
      <xdr:col>14</xdr:col>
      <xdr:colOff>918881</xdr:colOff>
      <xdr:row>106</xdr:row>
      <xdr:rowOff>190500</xdr:rowOff>
    </xdr:to>
    <xdr:sp macro="" textlink="">
      <xdr:nvSpPr>
        <xdr:cNvPr id="112" name="正方形/長方形 111">
          <a:extLst>
            <a:ext uri="{FF2B5EF4-FFF2-40B4-BE49-F238E27FC236}">
              <a16:creationId xmlns:a16="http://schemas.microsoft.com/office/drawing/2014/main" id="{00000000-0008-0000-0000-000070000000}"/>
            </a:ext>
          </a:extLst>
        </xdr:cNvPr>
        <xdr:cNvSpPr/>
      </xdr:nvSpPr>
      <xdr:spPr>
        <a:xfrm>
          <a:off x="6936440" y="235267502"/>
          <a:ext cx="6790765" cy="5390027"/>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課長通知</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１９（積立金と積立資産について）</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に関する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については、指定基準において「就労支援事業収入から就労支援事業に必要な経費を控除した額に相当する金額</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を工賃として支払わなければならない」としていることから、原則として剰余金は発生しないものである。しかしながら、将来</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にわたり安定的に工賃を支給し、又は安定的かつ円滑に就労支援事業を継続するため、また、次のような特定の目的の支出に備</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えるため、理事会の議決に基づき就労支援事業別事業活動明細書の就労支援事業活動増減差額から一定の金額を次の積立金とし</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て計上することができるものとする。また、積立金を計上する場合には、同額の積立資産を計上することによりその存在を明ら</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かにしなければならな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次の積立金は、当該年度の利用者賃金及び利用者工賃の支払額が、前年度の利用者賃金及び利用者工賃の支払実績額を</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下回らない場合に限り、計上できるものと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ア　工賃変動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毎会計年度、一定の工賃水準を利用者に保障するため、将来の一定の工賃水準を下回る工賃の補填に備え、次に掲げる各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業年度における積立額及び積立額の上限額の範囲内において、「工賃変動積立金」を計上できるもの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各事業年度における積立額：過去３年間の平均工賃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以内</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積立額の上限額：過去３年間の平均工賃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以内</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保障すべき一定の工賃水準とは、過去３年間の最低工賃（天災等により工賃が大幅に減少した年度を除く。）とし、</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これを下回った年度については、理事会の議決に基づき工賃変動積立金及び工賃変動積立資産を取り崩して工賃を補填し、補</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填された工賃を利用者に支給するものと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イ　設備等整備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を安定的かつ円滑に継続するため、就労支援事業に要する設備等の更新、又は新たな業種への展開を行うため</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設備等の導入のための資金需要に対応するため、次に掲げる各事業年度における積立額及び積立額の上限額の範囲内にお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て、設備等整備積立金を計上できるもの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各事業年度における積立額：就労支援事業収入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以内</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積立額の上限額：就労支援事業資産の取得価額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7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以内</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設備等整備積立金の積み立てに当たっては、施設の大規模改修への国庫補助、高齢・障害者雇用支援機構の助成金に</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留意することとし、設備等整備積立金により就労支援事業に要する設備等の更新、又は新たな業種への展開を行うための設備</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等を導入した場合には、対応する積立金及び積立資産を取り崩すものと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ウ　積立金の流用及び繰替使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積立金は、上述のとおり、一定の工賃水準の保障、就労支援事業の安定的かつ円滑な継続という特定の目的のために、一定</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条件の下に認められるものであることから、その他の目的のための支出への流用（積立金の流用とは、積立金の取り崩しで</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はなく、積立金に対応して設定した積立資産の取崩しをいう。）は認められない。しかしながら、就労支援事業に伴う自立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援給付費収入の受取時期が、請求及びその審査等に一定の時間を要し、事業の実施月から見て２か月以上遅延する場合が想定</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されることから、このような場合に限り、上述の積立金に対応する資金の一部を一時繰替使用することができるもの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ただし、繰替えて使用した資金は、自立支援給付費収入により必ず補填することとし、積立金の目的の達成に支障を来さな</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いように留意すること。</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授産事業に関する積立金</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授産施設は、最低基準において「授産施設の利用者には、事業収入の額から、事業に必要な経費の額を控除した額に相当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額の工賃を支払わなければならない。」と規定していることから、原則として剰余金は発生しないものである。しかしながら、</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会計基準省令第６条第３項に規定する</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その他の積立金</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より、人件費積立金、修繕積立金、備品等購入積立金、工賃平均積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金等の積立金として処理を行うことは可能であ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積立金を計上する場合には、同額の積立資産を計上することによりその存在を明らかにしなければならな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endParaRPr kumimoji="1" lang="ja-JP" altLang="en-US" sz="90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twoCellAnchor>
    <xdr:from>
      <xdr:col>13</xdr:col>
      <xdr:colOff>78442</xdr:colOff>
      <xdr:row>161</xdr:row>
      <xdr:rowOff>22414</xdr:rowOff>
    </xdr:from>
    <xdr:to>
      <xdr:col>14</xdr:col>
      <xdr:colOff>986117</xdr:colOff>
      <xdr:row>166</xdr:row>
      <xdr:rowOff>838201</xdr:rowOff>
    </xdr:to>
    <xdr:sp macro="" textlink="">
      <xdr:nvSpPr>
        <xdr:cNvPr id="101" name="正方形/長方形 100">
          <a:extLst>
            <a:ext uri="{FF2B5EF4-FFF2-40B4-BE49-F238E27FC236}">
              <a16:creationId xmlns:a16="http://schemas.microsoft.com/office/drawing/2014/main" id="{00000000-0008-0000-0000-000065000000}"/>
            </a:ext>
          </a:extLst>
        </xdr:cNvPr>
        <xdr:cNvSpPr/>
      </xdr:nvSpPr>
      <xdr:spPr>
        <a:xfrm>
          <a:off x="7098367" y="97544127"/>
          <a:ext cx="6860800" cy="2520762"/>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経理等通知１（委託費の使途範囲） </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子ども・子育て支援法（平成</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4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法律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6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附則第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条第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項の規定により、市町村から私立保育所に対して支払われる委託</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費（以下単に「委託費」という。）のうち人件費については、保育所に属する職員の給与、賃金等保育所運営における職員の処遇</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に必要な一切の経費に支出されるもの、管理費については、物件費・旅費等保育所の運営に必要な経費（減価償却費加算の認定を</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受けている場合は、建物・設備及び機器器具等備品の整備・修繕、環境の改善等に要する経費、賃借料加算の認定を受けている場</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合は、建物に係る賃借料を含む。）に支出されるもの、事業費は、保育所入所児童の処遇に直接必要な一切の経費に支出されるも</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であ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関わらず、人件費、管理費又は事業費については、保育所において次の要件のすべてが満たされている場合にあっては、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区分にかかわらず、当該保育所を経営する事業に係る人件費、管理費又は事業費に充てることができ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①　児童福祉法（昭和</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2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法律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64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5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条第１項の基準が遵守されてい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②　委託費に係る交付基準及びそれに関する通知等に示す職員の配置等の事項が遵守されてい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③　給与に関する規程が整備され、その規程により適正な給与水準が維持されている等人件費の運用が適正に行われてい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④　給食について必要な栄養量が確保され、嗜好を生かした調理がなされているとともに、日常生活について必要な諸経費が適正</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に確保されてい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⑤　入所児童に係る保育が保育所保育指針（平成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月</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8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日厚生労働省告示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41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を踏まえているとともに、処遇上必要な</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設備が整備されているなど、児童の処遇が適切であ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⑥　運営・経営の責任者である理事長等の役員、施設長及び職員が国等の行う研修会に積極的に参加するなど役職員の資質の向上</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に努めていること。</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⑦　その他保育所運営以外の事業を含む当該保育所の設置者の運営について、問題となる事由がないこと。</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p>
      </xdr:txBody>
    </xdr:sp>
    <xdr:clientData/>
  </xdr:twoCellAnchor>
  <xdr:twoCellAnchor>
    <xdr:from>
      <xdr:col>13</xdr:col>
      <xdr:colOff>58519</xdr:colOff>
      <xdr:row>271</xdr:row>
      <xdr:rowOff>118285</xdr:rowOff>
    </xdr:from>
    <xdr:to>
      <xdr:col>13</xdr:col>
      <xdr:colOff>5905500</xdr:colOff>
      <xdr:row>275</xdr:row>
      <xdr:rowOff>252413</xdr:rowOff>
    </xdr:to>
    <xdr:sp macro="" textlink="">
      <xdr:nvSpPr>
        <xdr:cNvPr id="117" name="正方形/長方形 116">
          <a:extLst>
            <a:ext uri="{FF2B5EF4-FFF2-40B4-BE49-F238E27FC236}">
              <a16:creationId xmlns:a16="http://schemas.microsoft.com/office/drawing/2014/main" id="{00000000-0008-0000-0000-000075000000}"/>
            </a:ext>
          </a:extLst>
        </xdr:cNvPr>
        <xdr:cNvSpPr/>
      </xdr:nvSpPr>
      <xdr:spPr>
        <a:xfrm>
          <a:off x="7078444" y="138797523"/>
          <a:ext cx="5846981" cy="1543828"/>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経理等通知２（処遇改善等加算の取扱い） </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処遇改善等加算通知において、職員の賃金改善に充てることとされているところであるが、当該通知の第５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３により、複数の施設を運営する事業者が、賃金改善分を同一の事業者内の複数の施設・事業所間で配分する場</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合には、上記１によらず、当該通知において定めるところによる。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また、当該通知において、「区分１に係る加算額は、職員の賃金の勤続年数等を基準として行う昇給等に適切</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充てること。」とされている点にも留意す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委託費には保育の質の向上のために消費税率引上げによる増収分が充てられており、また、「保育政策</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の新たな方向性（令和</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月</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日公表（こども家庭庁））」による保育士確保の取組が進められていること等</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を踏まえて、各保育所に対して、保育の質の向上及び保育士等の賃金改善に積極的に取り組むよう要請すること。 </a:t>
          </a:r>
        </a:p>
      </xdr:txBody>
    </xdr:sp>
    <xdr:clientData/>
  </xdr:twoCellAnchor>
  <xdr:twoCellAnchor>
    <xdr:from>
      <xdr:col>13</xdr:col>
      <xdr:colOff>56652</xdr:colOff>
      <xdr:row>260</xdr:row>
      <xdr:rowOff>35487</xdr:rowOff>
    </xdr:from>
    <xdr:to>
      <xdr:col>13</xdr:col>
      <xdr:colOff>5906123</xdr:colOff>
      <xdr:row>262</xdr:row>
      <xdr:rowOff>206685</xdr:rowOff>
    </xdr:to>
    <xdr:sp macro="" textlink="">
      <xdr:nvSpPr>
        <xdr:cNvPr id="119" name="正方形/長方形 118">
          <a:extLst>
            <a:ext uri="{FF2B5EF4-FFF2-40B4-BE49-F238E27FC236}">
              <a16:creationId xmlns:a16="http://schemas.microsoft.com/office/drawing/2014/main" id="{00000000-0008-0000-0000-000077000000}"/>
            </a:ext>
          </a:extLst>
        </xdr:cNvPr>
        <xdr:cNvSpPr/>
      </xdr:nvSpPr>
      <xdr:spPr>
        <a:xfrm>
          <a:off x="7115735" y="318816070"/>
          <a:ext cx="5849471" cy="721532"/>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通知</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４（委託費の管理・運用）</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委託費の同一法人内における各施設拠点区分、本部拠点区分又は収益事業等の事業区分への資金の貸付につ</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いては、当該法人の経営上やむを得ない場合に、当該年度内に限って認められるものであ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同一法人内における各施設拠点区分、本部拠点区分又は収益事業等の事業区分以外への貸付は一切認</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められないこと。 </a:t>
          </a:r>
        </a:p>
      </xdr:txBody>
    </xdr:sp>
    <xdr:clientData/>
  </xdr:twoCellAnchor>
  <xdr:twoCellAnchor>
    <xdr:from>
      <xdr:col>13</xdr:col>
      <xdr:colOff>62472</xdr:colOff>
      <xdr:row>266</xdr:row>
      <xdr:rowOff>437030</xdr:rowOff>
    </xdr:from>
    <xdr:to>
      <xdr:col>13</xdr:col>
      <xdr:colOff>5889532</xdr:colOff>
      <xdr:row>270</xdr:row>
      <xdr:rowOff>829236</xdr:rowOff>
    </xdr:to>
    <xdr:sp macro="" textlink="">
      <xdr:nvSpPr>
        <xdr:cNvPr id="120" name="正方形/長方形 119">
          <a:extLst>
            <a:ext uri="{FF2B5EF4-FFF2-40B4-BE49-F238E27FC236}">
              <a16:creationId xmlns:a16="http://schemas.microsoft.com/office/drawing/2014/main" id="{00000000-0008-0000-0000-000078000000}"/>
            </a:ext>
          </a:extLst>
        </xdr:cNvPr>
        <xdr:cNvSpPr/>
      </xdr:nvSpPr>
      <xdr:spPr>
        <a:xfrm>
          <a:off x="7082397" y="136411168"/>
          <a:ext cx="5827060" cy="1887631"/>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通知</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５（ 委託費の経理に係る指導監督）</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設置者から提出された計算書等が以下のいずれかに該当する場合については、別表６の収支計算分析表の提</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出を求め、「１委託費の使途範囲」から「４委託費の管理・運用」までに示された事項の遵守状況を確認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こと。特に、「１委託費の使途範囲」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①</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から⑦までに掲げる要件が充足されているかどうかをはじめ入所</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児童の処遇の状況を十分に確認す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①　１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よる別表２の経費等への支出の合計額が改善基礎分を超えている場合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②　１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よる別表３及び別表４の経費等への支出の合計額が改善基礎分を超えている場合又は別表３及び</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別表５の経費等への支出の合計額が委託費の３か月分に相当する額を超えている場合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③　保育所に係る拠点区分から、「１委託費の使途範囲」から「４委託費の管理・運用」までに定める以外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支出が行われている場合</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④　委託費に係る当該会計年度の各種積立資産への積立支出及び当期資金収支差額合計が、当該施設に係る拠</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点区分の事業活動収入計（決算額）の５％相当額を上回る場合 </a:t>
          </a:r>
        </a:p>
      </xdr:txBody>
    </xdr:sp>
    <xdr:clientData/>
  </xdr:twoCellAnchor>
  <xdr:twoCellAnchor>
    <xdr:from>
      <xdr:col>13</xdr:col>
      <xdr:colOff>89646</xdr:colOff>
      <xdr:row>294</xdr:row>
      <xdr:rowOff>44826</xdr:rowOff>
    </xdr:from>
    <xdr:to>
      <xdr:col>13</xdr:col>
      <xdr:colOff>5905500</xdr:colOff>
      <xdr:row>296</xdr:row>
      <xdr:rowOff>224118</xdr:rowOff>
    </xdr:to>
    <xdr:sp macro="" textlink="">
      <xdr:nvSpPr>
        <xdr:cNvPr id="122" name="正方形/長方形 121">
          <a:extLst>
            <a:ext uri="{FF2B5EF4-FFF2-40B4-BE49-F238E27FC236}">
              <a16:creationId xmlns:a16="http://schemas.microsoft.com/office/drawing/2014/main" id="{00000000-0008-0000-0000-00007A000000}"/>
            </a:ext>
          </a:extLst>
        </xdr:cNvPr>
        <xdr:cNvSpPr/>
      </xdr:nvSpPr>
      <xdr:spPr>
        <a:xfrm>
          <a:off x="6947646" y="319087502"/>
          <a:ext cx="5815854" cy="1299881"/>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運用通知</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問１３（経理等通知２</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及び３</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関して、当該保育所を設置する「法人本部の運営に要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経費」の対象範囲）</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前期末支払資金残高を当該保育所を設置する法人本部の運営に要する経費として支出できる対象経費は、当該</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保育所設置法人の事務費であって、社会福祉法人会計基準に定める本部拠点区分資金収支計算書及び社会福祉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業区分資金収支内訳表の本部拠点区分の勘定科目大区分「人件費支出」及び「事務費支出」に相当する経費とし、</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いずれも保育所の運営に関する経費に限り認められるものであること。なお、「事務費支出」には、会計監査人</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の設置に要する費用を含めて差し支えな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また、役員報酬については対象経費として差し支えないが、役員報酬規定等を整備した上で、勤務形態に即し</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て支給しているものであること。</a:t>
          </a:r>
        </a:p>
      </xdr:txBody>
    </xdr:sp>
    <xdr:clientData/>
  </xdr:twoCellAnchor>
  <xdr:twoCellAnchor>
    <xdr:from>
      <xdr:col>13</xdr:col>
      <xdr:colOff>78438</xdr:colOff>
      <xdr:row>286</xdr:row>
      <xdr:rowOff>56023</xdr:rowOff>
    </xdr:from>
    <xdr:to>
      <xdr:col>13</xdr:col>
      <xdr:colOff>5905500</xdr:colOff>
      <xdr:row>286</xdr:row>
      <xdr:rowOff>974911</xdr:rowOff>
    </xdr:to>
    <xdr:sp macro="" textlink="">
      <xdr:nvSpPr>
        <xdr:cNvPr id="123" name="正方形/長方形 122">
          <a:extLst>
            <a:ext uri="{FF2B5EF4-FFF2-40B4-BE49-F238E27FC236}">
              <a16:creationId xmlns:a16="http://schemas.microsoft.com/office/drawing/2014/main" id="{00000000-0008-0000-0000-00007B000000}"/>
            </a:ext>
          </a:extLst>
        </xdr:cNvPr>
        <xdr:cNvSpPr/>
      </xdr:nvSpPr>
      <xdr:spPr>
        <a:xfrm>
          <a:off x="6936438" y="315501611"/>
          <a:ext cx="5827062" cy="918888"/>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運用通知</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問２１（経理等通知３</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ついて、当期末支払資金残高が当該年度の委託費収入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を超え</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る場合の取扱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当期末支払資金残高が、当該年度の委託費収入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を超えている場合は、将来発生が見込まれる経費を積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預金として積み立てるなど、長期的に安定した経営が確保できるような計画を作るよう指導を行い、それでもな</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お、委託費収入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を超えている場合については、超過額が解消されるまでの間、改善基礎分について加算を</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停止すること。</a:t>
          </a:r>
        </a:p>
      </xdr:txBody>
    </xdr:sp>
    <xdr:clientData/>
  </xdr:twoCellAnchor>
  <xdr:twoCellAnchor>
    <xdr:from>
      <xdr:col>13</xdr:col>
      <xdr:colOff>78442</xdr:colOff>
      <xdr:row>106</xdr:row>
      <xdr:rowOff>246530</xdr:rowOff>
    </xdr:from>
    <xdr:to>
      <xdr:col>14</xdr:col>
      <xdr:colOff>896470</xdr:colOff>
      <xdr:row>114</xdr:row>
      <xdr:rowOff>392207</xdr:rowOff>
    </xdr:to>
    <xdr:sp macro="" textlink="">
      <xdr:nvSpPr>
        <xdr:cNvPr id="139" name="正方形/長方形 138">
          <a:extLst>
            <a:ext uri="{FF2B5EF4-FFF2-40B4-BE49-F238E27FC236}">
              <a16:creationId xmlns:a16="http://schemas.microsoft.com/office/drawing/2014/main" id="{00000000-0008-0000-0000-00008B000000}"/>
            </a:ext>
          </a:extLst>
        </xdr:cNvPr>
        <xdr:cNvSpPr/>
      </xdr:nvSpPr>
      <xdr:spPr>
        <a:xfrm>
          <a:off x="6936442" y="240265324"/>
          <a:ext cx="6768352" cy="4840942"/>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就労会計処理基準第２（障害者自立支援法下における就労支援事業に係る会計処理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４　積立金の積み立てについて</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については、授産施設同様、就労支援事業収入から就労支援事業に必要な経費を控除した額に相当する金額を</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工賃として支払わなければならないものとしていることから、原則として剰余金は発生せず、事業活動収支計算書におけ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活動収支差額」は生じないものであるが、将来にわたって安定的に工賃を支給するため又は安定的かつ円滑に</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を継続するため、次のような特定の目的の支出に備えるため、理事会の議決に基づき事業活動収支計算書の当期</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末繰越活動収支差額から一定の金額を次の積立金として計上することができるものとする。また、積立金を計上する場合に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同額の積立預金を計上することによりその存在を明らかにしなければならな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次の積立金は、当該年度の利用者賃金及び利用者工賃の支払額が、前年度の利用者賃金及び利用者工賃の支払実績額</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を下回らない場合に限り、計上できるもの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工賃変動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毎会計年度、一定の工賃水準を利用者に保障するため、将来の一定の工賃水準を下回る工賃の補填に備え、次に掲げる各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業年度における積立額及び積立額の上限額の範囲内において、「工賃変動積立金」を計上できるもの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　各事業年度における積立額：過去３年間の平均工賃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以内</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　積立額の上限額　　　　　：過去３年間の平均工賃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以内</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保障すべき一定の工賃水準とは、過去３年間の最低工賃（天災等により工賃が大幅に減少した年度を除く。）とし、</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これを下回った年度については、理事会の議決に基づき工賃変動積立金及び工賃変動積立預金を取り崩して工賃を補填し、補</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填された工賃を利用者に支給するもの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設備等整備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就労支援事業を安定的かつ円滑に継続するため、就労支援事業に要する設備等の更新、又は新たな業種への展開を行うため</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設備等の導入のための資金需要に対応するため、次に掲げる各事業年度における積立額及び積立額の上限額の範囲内にお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て、設備等整備積立金を計上できるもの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　各事業年度における積立額：就労支援事業収入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以内</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　積立額の上限額	　　：就労支援事業資産の取得価額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7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以内</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設備等整備積立金の積み立てにあっては、施設の大規模改修への国庫補助、高齢・障害者雇用支援機構の助成金に留</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意することとし、設備等整備積立金により就労支援事業に要する設備等の更新、又は新たな業種への展開を行うための設備等</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を導入した場合には、対応する積立金及び積立預金を取り崩すもの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積立金の流用及び繰替使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①　積立金は、上述のとおり、一定の工賃水準の保障、就労支援事業の安定的かつ円滑な継続という特定の目的のために、一</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定の条件の下に認められるものであることから、その他の目的のための支出への流用（積立金の流用とは、積立金の取り崩</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しではなく、積立金に対応して設定した積立預金の取崩しをいう。）は認められな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②　しかしながら、今後、就労支援事業に伴う利用料収入の受取時期が、請求及びその審査等に一定の時間を要し、事業の実</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施月から見て２ヶ月以上遅延する場合が想定されることから、このような場合に限り、上述の積立金に対応する資金の一部</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を一時繰替使用することができるものと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③　ただし、繰替えて使用した資金は、利用料収入により必ず補填することとし、積立金の目的の達成に支障を来さないよう</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に留意すること。</a:t>
          </a:r>
        </a:p>
      </xdr:txBody>
    </xdr:sp>
    <xdr:clientData/>
  </xdr:twoCellAnchor>
  <xdr:twoCellAnchor>
    <xdr:from>
      <xdr:col>13</xdr:col>
      <xdr:colOff>67233</xdr:colOff>
      <xdr:row>116</xdr:row>
      <xdr:rowOff>44825</xdr:rowOff>
    </xdr:from>
    <xdr:to>
      <xdr:col>14</xdr:col>
      <xdr:colOff>963704</xdr:colOff>
      <xdr:row>121</xdr:row>
      <xdr:rowOff>549088</xdr:rowOff>
    </xdr:to>
    <xdr:sp macro="" textlink="">
      <xdr:nvSpPr>
        <xdr:cNvPr id="127" name="正方形/長方形 126">
          <a:extLst>
            <a:ext uri="{FF2B5EF4-FFF2-40B4-BE49-F238E27FC236}">
              <a16:creationId xmlns:a16="http://schemas.microsoft.com/office/drawing/2014/main" id="{00000000-0008-0000-0000-00007F000000}"/>
            </a:ext>
          </a:extLst>
        </xdr:cNvPr>
        <xdr:cNvSpPr/>
      </xdr:nvSpPr>
      <xdr:spPr>
        <a:xfrm>
          <a:off x="6925233" y="246182031"/>
          <a:ext cx="6846795" cy="2610969"/>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弾力運用局長通知１（ 運営費の弾力運用が認められる要件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本通知に定める運営費の弾力運用は、次の要件をすべて満たす場合に認められるものであ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ただし、</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ついてのみ要件を満たさない法人については、課長通知に定めるところによるもの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社会福祉法人指導監査要綱の制定について」（平成</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7</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月</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日雇児発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87</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社援発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27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老発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7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厚生労働省雇</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用均等・児童家庭局長、厚生労働省社会・援護局長、厚生労働省老健局長連名通知）及び関係法令等に基づく指導において、適正</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法人運営が確保されていると認められ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生活保護法による保護施設に対する指導監査について」（平成</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2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月</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日社援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395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厚生省社会・援護局長通知）など、</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別表１に掲げる関係通知に基づく当該施設の監査において、適正な施設運営が確保されていると認められ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特に、適切な入所者処遇及び適正な職員処遇が実施され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社会福祉法人会計基準」（平成</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8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厚生労働省令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79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に基づく財産目録、貸借対照表及び収支計算書が公開されてい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利用者本位のサービスの提供のため、毎年度、次の①又は②が実施されていること。</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①　「社会福祉事業の経営者による福祉サービスに関する苦情解決の仕組みの指針について」（平成</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月</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7</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日障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52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社援</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352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老発第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1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号・児発第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7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により、入所者等に対して苦情解決の仕組みが周知されており、第三者委員を設置し</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て適切な対応を行っているとともに、入所者等からのサービスに係る苦情内容及び解決結果の定期的な公表を行うなど、利用者</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保護に努めていること。</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②　「「福祉サービス第三者評価事業に関する指針について」の全部改正について」（平成</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6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月</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日雇児発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0401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2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社援</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発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0401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老発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040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厚生労働省雇用均等・児童家庭局長、社会・援護局長、老健局長連名通知）に基づき、第三者</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評価を受審し、その結果についても公表を行い、サービスの質の向上に努めていること。</a:t>
          </a:r>
        </a:p>
      </xdr:txBody>
    </xdr:sp>
    <xdr:clientData/>
  </xdr:twoCellAnchor>
  <xdr:twoCellAnchor>
    <xdr:from>
      <xdr:col>13</xdr:col>
      <xdr:colOff>67236</xdr:colOff>
      <xdr:row>121</xdr:row>
      <xdr:rowOff>582707</xdr:rowOff>
    </xdr:from>
    <xdr:to>
      <xdr:col>14</xdr:col>
      <xdr:colOff>963706</xdr:colOff>
      <xdr:row>124</xdr:row>
      <xdr:rowOff>11206</xdr:rowOff>
    </xdr:to>
    <xdr:sp macro="" textlink="">
      <xdr:nvSpPr>
        <xdr:cNvPr id="128" name="正方形/長方形 127">
          <a:extLst>
            <a:ext uri="{FF2B5EF4-FFF2-40B4-BE49-F238E27FC236}">
              <a16:creationId xmlns:a16="http://schemas.microsoft.com/office/drawing/2014/main" id="{00000000-0008-0000-0000-000080000000}"/>
            </a:ext>
          </a:extLst>
        </xdr:cNvPr>
        <xdr:cNvSpPr/>
      </xdr:nvSpPr>
      <xdr:spPr>
        <a:xfrm>
          <a:off x="6925236" y="248826619"/>
          <a:ext cx="6846794" cy="1411940"/>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弾力運用課長通知問１（「適正な法人運営が確保」、「適正な施設運営が確保」と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１ 「適正な法人運営の確保」とは主に次のようなことを言う。</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役員・評議員の選任及びその配置、理事会・評議員会の開催等、組織運営が適正になされ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社会福祉法人が行う社会福祉事業等が適正に行われ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人事管理、資産管理及び会計管理等が適正に行われ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２ 「適正な施設運営の確保」とは主に次のようなことを言う。</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入所者の意向や希望等を尊重するよう配慮がなされている等、適切な入所者処遇の確保がなされ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必要な規定の整備や配置基準に基づく職員の配置等、施設の運営管理体制が確立され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労働時間の短縮等労働条件の改善や職員の資質向上のための研修等の実施、職員の確保及び定着化に対する積極的な取組み等、</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必要な職員の確保や職員処遇の充実が図られていること。</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endPar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3</xdr:col>
      <xdr:colOff>67236</xdr:colOff>
      <xdr:row>124</xdr:row>
      <xdr:rowOff>67232</xdr:rowOff>
    </xdr:from>
    <xdr:to>
      <xdr:col>14</xdr:col>
      <xdr:colOff>963705</xdr:colOff>
      <xdr:row>126</xdr:row>
      <xdr:rowOff>358588</xdr:rowOff>
    </xdr:to>
    <xdr:sp macro="" textlink="">
      <xdr:nvSpPr>
        <xdr:cNvPr id="137" name="正方形/長方形 136">
          <a:extLst>
            <a:ext uri="{FF2B5EF4-FFF2-40B4-BE49-F238E27FC236}">
              <a16:creationId xmlns:a16="http://schemas.microsoft.com/office/drawing/2014/main" id="{00000000-0008-0000-0000-000089000000}"/>
            </a:ext>
          </a:extLst>
        </xdr:cNvPr>
        <xdr:cNvSpPr/>
      </xdr:nvSpPr>
      <xdr:spPr>
        <a:xfrm>
          <a:off x="6925236" y="250294585"/>
          <a:ext cx="6846793" cy="1456768"/>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弾力運用課長通知問３（「入所者等に対して苦情解決の仕組みの周知」、「第三者委員の設置」及び「入所者等からのサービスに</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係る苦情内容及び解決結果の定期的な公表」と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１　入所者等に対する苦情解決の仕組みの周知については、施設に配置される苦情解決責任者が、施設内への掲示、パンフレット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配布等により、苦情解決責任者、苦情受付担当者及び第三者委員の氏名や連絡先並びに苦情解決の仕組みについて周知し、随時、</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入所者等からの苦情を受付け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２　第三者委員の設置については、苦情解決に社会性や客観性を確保し、利用者の立場や特性に配慮した適切な対応を推進するため、</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苦情解決を円滑・円満に図ることができる者又は世間からの信頼性を有する者を設置し、定期的に第三者委員会を開催するなど、</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迅速な対応を行っ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３　入所者等からのサービスに係る苦情内容及び解決結果の定期的な公表については、福祉サービスの利用者のみならず、一般に対</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しても、当該法人のホームページ及び広報誌等の活用などにより行うこと。</a:t>
          </a:r>
        </a:p>
      </xdr:txBody>
    </xdr:sp>
    <xdr:clientData/>
  </xdr:twoCellAnchor>
  <xdr:twoCellAnchor>
    <xdr:from>
      <xdr:col>13</xdr:col>
      <xdr:colOff>49863</xdr:colOff>
      <xdr:row>147</xdr:row>
      <xdr:rowOff>714377</xdr:rowOff>
    </xdr:from>
    <xdr:to>
      <xdr:col>13</xdr:col>
      <xdr:colOff>5888130</xdr:colOff>
      <xdr:row>150</xdr:row>
      <xdr:rowOff>714374</xdr:rowOff>
    </xdr:to>
    <xdr:sp macro="" textlink="">
      <xdr:nvSpPr>
        <xdr:cNvPr id="138" name="正方形/長方形 137">
          <a:extLst>
            <a:ext uri="{FF2B5EF4-FFF2-40B4-BE49-F238E27FC236}">
              <a16:creationId xmlns:a16="http://schemas.microsoft.com/office/drawing/2014/main" id="{00000000-0008-0000-0000-00008A000000}"/>
            </a:ext>
          </a:extLst>
        </xdr:cNvPr>
        <xdr:cNvSpPr/>
      </xdr:nvSpPr>
      <xdr:spPr>
        <a:xfrm>
          <a:off x="7069788" y="92292490"/>
          <a:ext cx="5838267" cy="1676397"/>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弾力運用局長通知４（前期末支払資金残高の取扱い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前期末支払資金残高については、あらかじめ理事会の承認を得た上で、当該施設の人件費、光熱水料等通常経</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費の不足分を補填できるほか、当該施設の運営に支障が生じない範囲において以下の経費に充当することができ</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翌年度に前期末支払資金残高として取り扱うことができる当期末支払資金残高は、措置費の適正な執行</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より適正な施設運営が確保された上で、長期的に安定した経営を確保するために将来発生が見込まれる経費を</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計画的に積立てた結果において保有するものであり、過大な保有を防止する観点から、当該年度の運営費（措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費）収入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以下の保有とす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法人本部の運営に要する経費</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同一法人が運営する社会福祉法第２条に定める第１種社会福祉事業及び第２種社会福祉事業の運営に要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経費</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同一法人が運営する公益事業の運営に要する経費</a:t>
          </a:r>
        </a:p>
      </xdr:txBody>
    </xdr:sp>
    <xdr:clientData/>
  </xdr:twoCellAnchor>
  <xdr:twoCellAnchor>
    <xdr:from>
      <xdr:col>13</xdr:col>
      <xdr:colOff>51267</xdr:colOff>
      <xdr:row>142</xdr:row>
      <xdr:rowOff>140074</xdr:rowOff>
    </xdr:from>
    <xdr:to>
      <xdr:col>13</xdr:col>
      <xdr:colOff>5889532</xdr:colOff>
      <xdr:row>143</xdr:row>
      <xdr:rowOff>238125</xdr:rowOff>
    </xdr:to>
    <xdr:sp macro="" textlink="">
      <xdr:nvSpPr>
        <xdr:cNvPr id="141" name="正方形/長方形 140">
          <a:extLst>
            <a:ext uri="{FF2B5EF4-FFF2-40B4-BE49-F238E27FC236}">
              <a16:creationId xmlns:a16="http://schemas.microsoft.com/office/drawing/2014/main" id="{00000000-0008-0000-0000-00008D000000}"/>
            </a:ext>
          </a:extLst>
        </xdr:cNvPr>
        <xdr:cNvSpPr/>
      </xdr:nvSpPr>
      <xdr:spPr>
        <a:xfrm>
          <a:off x="7071192" y="89903674"/>
          <a:ext cx="5838265" cy="617164"/>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弾力運用局長通知３（運営費等の使途範囲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運営費については、民間施設給与等改善費として加算された額に相当する額を限度として、同一法人が運営</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する社会福祉施設等（別表３）の整備等に係る経費として借入れた独立行政法人福祉医療機構等からの借入金</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の償還金及びその利息に充当することができる。</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3</xdr:col>
      <xdr:colOff>67236</xdr:colOff>
      <xdr:row>136</xdr:row>
      <xdr:rowOff>67235</xdr:rowOff>
    </xdr:from>
    <xdr:to>
      <xdr:col>13</xdr:col>
      <xdr:colOff>5905499</xdr:colOff>
      <xdr:row>138</xdr:row>
      <xdr:rowOff>295275</xdr:rowOff>
    </xdr:to>
    <xdr:sp macro="" textlink="">
      <xdr:nvSpPr>
        <xdr:cNvPr id="142" name="正方形/長方形 141">
          <a:extLst>
            <a:ext uri="{FF2B5EF4-FFF2-40B4-BE49-F238E27FC236}">
              <a16:creationId xmlns:a16="http://schemas.microsoft.com/office/drawing/2014/main" id="{00000000-0008-0000-0000-00008E000000}"/>
            </a:ext>
          </a:extLst>
        </xdr:cNvPr>
        <xdr:cNvSpPr/>
      </xdr:nvSpPr>
      <xdr:spPr>
        <a:xfrm>
          <a:off x="7087161" y="86225623"/>
          <a:ext cx="5838263" cy="1380565"/>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弾力運用局長通知３（運営費等の使途範囲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運営費については、長期的に安定した経営を確保するため将来発生が見込まれる経費として、使用計画を作</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成の上、以下の積立金に積立て、次年度以降の当該施設の経費に充てることができるものである。なお、各積</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立金についてそれぞれの目的以外に使用する場合は、理事会においてその使用目的、取崩す金額、時期等を十</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分審査の上、法人の経営上止むを得ないものとして承認された場合については使用して差し支えな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①　人件費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人件費の類に属する経費に係る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②　施設整備等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建物、設備及び機械器具等備品の整備・修繕、環境の改善等に要する費用、業務省力化機器をはじめ施設</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運営・経営上効果のある物品の購入に要する費用、及び増改築に伴う土地取得に要する費用に係る積立金</a:t>
          </a:r>
        </a:p>
      </xdr:txBody>
    </xdr:sp>
    <xdr:clientData/>
  </xdr:twoCellAnchor>
  <xdr:twoCellAnchor>
    <xdr:from>
      <xdr:col>13</xdr:col>
      <xdr:colOff>29415</xdr:colOff>
      <xdr:row>138</xdr:row>
      <xdr:rowOff>343179</xdr:rowOff>
    </xdr:from>
    <xdr:to>
      <xdr:col>13</xdr:col>
      <xdr:colOff>5834063</xdr:colOff>
      <xdr:row>140</xdr:row>
      <xdr:rowOff>271463</xdr:rowOff>
    </xdr:to>
    <xdr:sp macro="" textlink="">
      <xdr:nvSpPr>
        <xdr:cNvPr id="143" name="正方形/長方形 142">
          <a:extLst>
            <a:ext uri="{FF2B5EF4-FFF2-40B4-BE49-F238E27FC236}">
              <a16:creationId xmlns:a16="http://schemas.microsoft.com/office/drawing/2014/main" id="{00000000-0008-0000-0000-00008F000000}"/>
            </a:ext>
          </a:extLst>
        </xdr:cNvPr>
        <xdr:cNvSpPr/>
      </xdr:nvSpPr>
      <xdr:spPr>
        <a:xfrm>
          <a:off x="7049340" y="87654092"/>
          <a:ext cx="5804648" cy="1661834"/>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弾力運用課長通知問６（</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各積立金の使用計画とは）抜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１　当該積立金は、長期的に安定した経営を確保するため将来発生が見込まれる経費に充てるために積立てるも</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であり、特定の目的をもった特定目的積立金であることから、積立てに当たっては、使途を明確にするとと</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もに、次のような観点で使用計画を作成す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人件費積立金については、給与規程、職員研修など、各法人における人材養成や人事管理を考慮の上、使</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途及び使用計画を作成す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施設整備等積立金については、建物、設備及び機械器具等備品の整備・修繕、環境の改善、業務省力化機</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器等の物品、備品等の購入・更新、増改築に伴う土地取得等に係る支出が見込まれる時期を考慮の上、使途</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及び使用計画を作成す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土地取得に要する費用を取崩すことができるのは当該施設の増改築に係る計画について、理事会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承認を得るとともに、都道府県及び市町村など関係行政機関との事前協議及び地元調整が終了しており、施</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設の整備が確実な場合に限るものとする。</a:t>
          </a:r>
        </a:p>
      </xdr:txBody>
    </xdr:sp>
    <xdr:clientData/>
  </xdr:twoCellAnchor>
  <xdr:twoCellAnchor>
    <xdr:from>
      <xdr:col>13</xdr:col>
      <xdr:colOff>48187</xdr:colOff>
      <xdr:row>151</xdr:row>
      <xdr:rowOff>21295</xdr:rowOff>
    </xdr:from>
    <xdr:to>
      <xdr:col>13</xdr:col>
      <xdr:colOff>5886450</xdr:colOff>
      <xdr:row>154</xdr:row>
      <xdr:rowOff>139453</xdr:rowOff>
    </xdr:to>
    <xdr:sp macro="" textlink="">
      <xdr:nvSpPr>
        <xdr:cNvPr id="145" name="正方形/長方形 144">
          <a:extLst>
            <a:ext uri="{FF2B5EF4-FFF2-40B4-BE49-F238E27FC236}">
              <a16:creationId xmlns:a16="http://schemas.microsoft.com/office/drawing/2014/main" id="{00000000-0008-0000-0000-000091000000}"/>
            </a:ext>
          </a:extLst>
        </xdr:cNvPr>
        <xdr:cNvSpPr/>
      </xdr:nvSpPr>
      <xdr:spPr>
        <a:xfrm>
          <a:off x="7068112" y="94075908"/>
          <a:ext cx="5838263" cy="1023033"/>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弾力運用課長通知問１１（「法人本部の運営に要する経費」の対象範囲）</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１　運用収入及び前期末支払資金残高を法人本部の運営に要する経費として繰入れて支出できる対象経費は、法</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人本部の事務費であって、「社会福祉法人会計基準」（平成</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8</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厚生労働省令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79</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に定める資金収支計算</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書の勘定科目大区分「人件費支出」及び「事務費支出」の経費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事務費支出」には、会計監査人の設置に要する費用を含めて差し支えな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２　また、役員報酬については、対象経費として差し支えないが、役員報酬規程等を整備した上で、勤務形態に</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即して支給しているものであること。</a:t>
          </a:r>
        </a:p>
      </xdr:txBody>
    </xdr:sp>
    <xdr:clientData/>
  </xdr:twoCellAnchor>
  <xdr:twoCellAnchor>
    <xdr:from>
      <xdr:col>13</xdr:col>
      <xdr:colOff>49866</xdr:colOff>
      <xdr:row>143</xdr:row>
      <xdr:rowOff>371193</xdr:rowOff>
    </xdr:from>
    <xdr:to>
      <xdr:col>13</xdr:col>
      <xdr:colOff>5888130</xdr:colOff>
      <xdr:row>147</xdr:row>
      <xdr:rowOff>619126</xdr:rowOff>
    </xdr:to>
    <xdr:sp macro="" textlink="">
      <xdr:nvSpPr>
        <xdr:cNvPr id="146" name="正方形/長方形 145">
          <a:extLst>
            <a:ext uri="{FF2B5EF4-FFF2-40B4-BE49-F238E27FC236}">
              <a16:creationId xmlns:a16="http://schemas.microsoft.com/office/drawing/2014/main" id="{00000000-0008-0000-0000-000092000000}"/>
            </a:ext>
          </a:extLst>
        </xdr:cNvPr>
        <xdr:cNvSpPr/>
      </xdr:nvSpPr>
      <xdr:spPr>
        <a:xfrm>
          <a:off x="7069791" y="90653906"/>
          <a:ext cx="5838264" cy="1190908"/>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弾力運用課長通知問５</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弾力運用局長通知１ー</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ついてのみ要件を満たさない法人の前期末支払資金残高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取扱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２　前期末支払資金残高の取扱いについて</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前期末支払資金残高の取崩しについては、事前に貴職に協議させ、その使用目的が当該施設の人件費、光熱</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水料等通常経費の不足分の補填、当該施設の建物の修繕及び業務省力化機器の設備の整備等の範囲内であるこ</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と等を十分審査の上適当と認められる場合は、使用を認めて差し支えないものと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自然災害その他止むを得ない事由によりその取崩しを必要とする場合及び取崩す額の合計額が当該年</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度のサービス区分の収入予算額の３％以下である場合は事前の協議を省略して差し支えない。</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3</xdr:col>
      <xdr:colOff>78441</xdr:colOff>
      <xdr:row>127</xdr:row>
      <xdr:rowOff>44822</xdr:rowOff>
    </xdr:from>
    <xdr:to>
      <xdr:col>14</xdr:col>
      <xdr:colOff>963705</xdr:colOff>
      <xdr:row>134</xdr:row>
      <xdr:rowOff>0</xdr:rowOff>
    </xdr:to>
    <xdr:sp macro="" textlink="">
      <xdr:nvSpPr>
        <xdr:cNvPr id="148" name="正方形/長方形 147">
          <a:extLst>
            <a:ext uri="{FF2B5EF4-FFF2-40B4-BE49-F238E27FC236}">
              <a16:creationId xmlns:a16="http://schemas.microsoft.com/office/drawing/2014/main" id="{00000000-0008-0000-0000-000094000000}"/>
            </a:ext>
          </a:extLst>
        </xdr:cNvPr>
        <xdr:cNvSpPr/>
      </xdr:nvSpPr>
      <xdr:spPr>
        <a:xfrm>
          <a:off x="6936441" y="252020293"/>
          <a:ext cx="6835588" cy="3989295"/>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弾力運用課長通知問５</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弾力運用局長通知１ー</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ついてのみ要件を満たさない法人の運営費等の使途範囲）</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１　 運営費等の使途範囲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運営費について、施設の整備等に係る経費（同一法人が運営する措置費（運営費）等補助対象施設及び在宅福祉事業を行うた</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めの施設の建物、設備の整備・修繕、環境の改善等に要する経費（借入金の償還金及びその利息を含む。））の繰入れを認め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範囲を、民間施設給与等改善費の管理費として加算された額に相当する額を限度とす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各サービス区分（サービス区分を設けない場合は「各拠点区分」。以下同じ。）において発生した運営費の運用収入について、</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施設の整備等に係る経費及び法人本部の運営に要する経費の繰入れを認める範囲を、当該年度のサービス区分の収入決算額の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務費（人件費及び管理費）相当額から生じるであろう運用収入（当該年度のサービス区分の収入決算額の事務費相当額を年間を</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通じて預け入れた場合に生じるであろう運用収入）を限度と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①　運営費については、長期的に安定した経営を確保するため将来発生が見込まれる経費として、使用計画を作成（注）の上、</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以下の積立金に積立て、次年度以降の当該施設の経費に充てることができるものであ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修繕積立金及び備品等購入積立金は、その使途及び使用計画において大規模修繕、業務省力化のための天井リフト、</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特殊浴槽、洗濯機の購入、又はマイクロバスの購入等が予定されている場合は、国庫補助事業や民間補助事業等の設置者負担</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分の全部又は一部に充当する財源とすることができ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この場合の経理処理は、支出の目的に応じて、各施設経理区分の修繕積立金及び備品等購入積立金から充当す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ア　人件費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人件費の類に属する経費に係る積立金</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イ　修繕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建物及び建物付属設備又は機械器具等備品の修繕に要する費用に係る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ウ　備品等購入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業務省力化機器をはじめ施設運営・経営上効果のある物品を購入するための積立金</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注：使用計画の作成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人件費積立金については、給与規程、職員研修など、各法人における人材養成や人事管理を考慮の上、使途及び使用計画</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を作成す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修繕積立金については、建物及び建物付属設備の各所修繕など、修繕費の発生が見込まれる時期を考慮の上、使途及び使</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用計画を作成す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備品等購入積立金については、業務省力化機器をはじめ施設運営・経営上効果のある物品の購入・更新など、備品等の購</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入・更新の発生が見込まれる時期を考慮の上、使途及び使用計画を作成す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②　各積立金をそれぞれの目的以外に使用する場合は、事前に貴職に協議させ、その使用目的等を十分審査の上止むを得ない場</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合については、使用を認めて差し支えない。</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3</xdr:col>
      <xdr:colOff>67235</xdr:colOff>
      <xdr:row>211</xdr:row>
      <xdr:rowOff>44823</xdr:rowOff>
    </xdr:from>
    <xdr:to>
      <xdr:col>13</xdr:col>
      <xdr:colOff>5916706</xdr:colOff>
      <xdr:row>218</xdr:row>
      <xdr:rowOff>161925</xdr:rowOff>
    </xdr:to>
    <xdr:sp macro="" textlink="">
      <xdr:nvSpPr>
        <xdr:cNvPr id="144" name="正方形/長方形 143">
          <a:extLst>
            <a:ext uri="{FF2B5EF4-FFF2-40B4-BE49-F238E27FC236}">
              <a16:creationId xmlns:a16="http://schemas.microsoft.com/office/drawing/2014/main" id="{00000000-0008-0000-0000-000090000000}"/>
            </a:ext>
          </a:extLst>
        </xdr:cNvPr>
        <xdr:cNvSpPr/>
      </xdr:nvSpPr>
      <xdr:spPr>
        <a:xfrm>
          <a:off x="7087160" y="119497848"/>
          <a:ext cx="5849471" cy="2693615"/>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通知別表１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１「延長保育事業の実施について」（令和</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6</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年</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4</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月</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日こ成保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25</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に定める延長保育事業及びこれと同様の事</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業と認められるもの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２「一時預かり事業の実施について」（令和</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6</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年</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月</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0</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日</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5</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文科初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592</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こ成保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91</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に定める一時預かり</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事業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ただし、当分の間は平成</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1 </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年</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6</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月</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日雇児発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0603002 </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本職通知「</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保育対策等促進事業の実施について</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の一部改正について」以前に定める一時保育促進事業の要件を満たしていると認められ、実施しているものも</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含むこととされ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３　乳児を３人以上受け入れている等低年齢児童の積極的な受入れ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４「地域子育て支援拠点事業の実施について」（令和</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6</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年</a:t>
          </a:r>
          <a:r>
            <a:rPr kumimoji="1" lang="en-US" altLang="ja-JP" sz="900" b="0" i="0" baseline="0">
              <a:effectLst/>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月</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0</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日こ成環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13</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に定める地域子育て支援拠点事</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業又はこれと同様の事業と認められるもの </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５　集団保育が可能で日々通所でき、かつ、「特別児童扶養手当等の支給に関する法律」（昭和</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9</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年法律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34</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号）に基づく特別児童扶養手当の支給対象障害児（所得により手当の支給を停止されている場合を含む。）の</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受入れ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６「多様な保育促進事業の実施について」</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a:t>
          </a:r>
          <a:r>
            <a:rPr kumimoji="1" lang="ja-JP" altLang="ja-JP" sz="900" b="0" i="0" baseline="0">
              <a:effectLst/>
              <a:latin typeface="+mn-lt"/>
              <a:ea typeface="+mn-ea"/>
              <a:cs typeface="+mn-cs"/>
            </a:rPr>
            <a:t>令和</a:t>
          </a:r>
          <a:r>
            <a:rPr kumimoji="1" lang="en-US" altLang="ja-JP" sz="900" b="0" i="0" baseline="0">
              <a:effectLst/>
              <a:latin typeface="+mn-lt"/>
              <a:ea typeface="+mn-ea"/>
              <a:cs typeface="+mn-cs"/>
            </a:rPr>
            <a:t>6</a:t>
          </a:r>
          <a:r>
            <a:rPr kumimoji="1" lang="ja-JP" altLang="ja-JP" sz="900" b="0" i="0" baseline="0">
              <a:effectLst/>
              <a:latin typeface="+mn-lt"/>
              <a:ea typeface="+mn-ea"/>
              <a:cs typeface="+mn-cs"/>
            </a:rPr>
            <a:t>年</a:t>
          </a:r>
          <a:r>
            <a:rPr kumimoji="1" lang="en-US" altLang="ja-JP" sz="900" b="0" i="0" baseline="0">
              <a:effectLst/>
              <a:latin typeface="+mn-lt"/>
              <a:ea typeface="+mn-ea"/>
              <a:cs typeface="+mn-cs"/>
            </a:rPr>
            <a:t>3</a:t>
          </a:r>
          <a:r>
            <a:rPr kumimoji="1" lang="ja-JP" altLang="ja-JP" sz="900" b="0" i="0" baseline="0">
              <a:effectLst/>
              <a:latin typeface="+mn-lt"/>
              <a:ea typeface="+mn-ea"/>
              <a:cs typeface="+mn-cs"/>
            </a:rPr>
            <a:t>月</a:t>
          </a:r>
          <a:r>
            <a:rPr kumimoji="1" lang="en-US" altLang="ja-JP" sz="900" b="0" i="0" baseline="0">
              <a:effectLst/>
              <a:latin typeface="+mn-lt"/>
              <a:ea typeface="+mn-ea"/>
              <a:cs typeface="+mn-cs"/>
            </a:rPr>
            <a:t>30</a:t>
          </a:r>
          <a:r>
            <a:rPr kumimoji="1" lang="ja-JP" altLang="ja-JP" sz="900" b="0" i="0" baseline="0">
              <a:effectLst/>
              <a:latin typeface="+mn-lt"/>
              <a:ea typeface="+mn-ea"/>
              <a:cs typeface="+mn-cs"/>
            </a:rPr>
            <a:t>日こ成環</a:t>
          </a:r>
          <a:r>
            <a:rPr kumimoji="1" lang="ja-JP" altLang="en-US" sz="900" b="0" i="0" baseline="0">
              <a:effectLst/>
              <a:latin typeface="+mn-lt"/>
              <a:ea typeface="+mn-ea"/>
              <a:cs typeface="+mn-cs"/>
            </a:rPr>
            <a:t>保</a:t>
          </a:r>
          <a:r>
            <a:rPr kumimoji="1" lang="ja-JP" altLang="ja-JP" sz="900" b="0" i="0" baseline="0">
              <a:effectLst/>
              <a:latin typeface="+mn-lt"/>
              <a:ea typeface="+mn-ea"/>
              <a:cs typeface="+mn-cs"/>
            </a:rPr>
            <a:t>第</a:t>
          </a:r>
          <a:r>
            <a:rPr kumimoji="1" lang="en-US" altLang="ja-JP" sz="900" b="0" i="0" baseline="0">
              <a:effectLst/>
              <a:latin typeface="+mn-lt"/>
              <a:ea typeface="+mn-ea"/>
              <a:cs typeface="+mn-cs"/>
            </a:rPr>
            <a:t>179</a:t>
          </a:r>
          <a:r>
            <a:rPr kumimoji="1" lang="ja-JP" altLang="ja-JP" sz="900" b="0" i="0" baseline="0">
              <a:effectLst/>
              <a:latin typeface="+mn-lt"/>
              <a:ea typeface="+mn-ea"/>
              <a:cs typeface="+mn-cs"/>
            </a:rPr>
            <a:t>号</a:t>
          </a:r>
          <a:r>
            <a:rPr kumimoji="1" lang="en-US" altLang="ja-JP" sz="900" b="0" i="0" baseline="0">
              <a:effectLst/>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に定める家庭支援推進保育事業又は</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これと同様の事業と認められるもの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７　休日保育加算の対象施設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８「病児保育事業の実施について」（令和</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月</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日こ成環保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8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に定める病児保育事業又はこれと同様</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の事業と認められるもの </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９</a:t>
          </a:r>
          <a:r>
            <a:rPr kumimoji="1" lang="ja-JP" altLang="en-US" sz="900" b="0" i="0" u="none" strike="noStrike" kern="0" cap="none" spc="0" normalizeH="0" baseline="0" noProof="0">
              <a:ln>
                <a:noFill/>
              </a:ln>
              <a:solidFill>
                <a:sysClr val="windowText" lastClr="000000"/>
              </a:solidFill>
              <a:effectLst/>
              <a:uLnTx/>
              <a:uFillTx/>
              <a:latin typeface="+mn-ea"/>
              <a:ea typeface="+mn-ea"/>
              <a:cs typeface="+mn-cs"/>
            </a:rPr>
            <a:t>「児童福祉法</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昭和</a:t>
          </a:r>
          <a:r>
            <a:rPr kumimoji="1" lang="en-US" altLang="ja-JP" sz="900" b="0" i="0" baseline="0">
              <a:effectLst/>
              <a:latin typeface="+mn-lt"/>
              <a:ea typeface="+mn-ea"/>
              <a:cs typeface="+mn-cs"/>
            </a:rPr>
            <a:t>2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法律第</a:t>
          </a:r>
          <a:r>
            <a:rPr kumimoji="1" lang="en-US" altLang="ja-JP" sz="900" b="0" i="0" baseline="0">
              <a:effectLst/>
              <a:latin typeface="+mn-lt"/>
              <a:ea typeface="+mn-ea"/>
              <a:cs typeface="+mn-cs"/>
            </a:rPr>
            <a:t>164</a:t>
          </a:r>
          <a:r>
            <a:rPr kumimoji="1" lang="ja-JP" altLang="en-US" sz="900" b="0" i="0" baseline="0">
              <a:effectLst/>
              <a:latin typeface="+mn-lt"/>
              <a:ea typeface="+mn-ea"/>
              <a:cs typeface="+mn-cs"/>
            </a:rPr>
            <a:t>号</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条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定める乳児等通園支援事業</a:t>
          </a:r>
          <a:endPar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3</xdr:col>
      <xdr:colOff>89648</xdr:colOff>
      <xdr:row>167</xdr:row>
      <xdr:rowOff>67237</xdr:rowOff>
    </xdr:from>
    <xdr:to>
      <xdr:col>14</xdr:col>
      <xdr:colOff>974911</xdr:colOff>
      <xdr:row>168</xdr:row>
      <xdr:rowOff>526676</xdr:rowOff>
    </xdr:to>
    <xdr:sp macro="" textlink="">
      <xdr:nvSpPr>
        <xdr:cNvPr id="147" name="正方形/長方形 146">
          <a:extLst>
            <a:ext uri="{FF2B5EF4-FFF2-40B4-BE49-F238E27FC236}">
              <a16:creationId xmlns:a16="http://schemas.microsoft.com/office/drawing/2014/main" id="{00000000-0008-0000-0000-000093000000}"/>
            </a:ext>
          </a:extLst>
        </xdr:cNvPr>
        <xdr:cNvSpPr/>
      </xdr:nvSpPr>
      <xdr:spPr>
        <a:xfrm>
          <a:off x="6947648" y="270633266"/>
          <a:ext cx="6835587" cy="997322"/>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経理等取扱通知３</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３　経理等通知の１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の③における「適正な給与水準」の判断に当たっては、次のような事項に留意されたい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正規の手続きを経て給与規程が整備され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施設長及び職員の給与が、地域の賃金水準と均衡がとれ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初任給、定期昇給について職員間の均衡がとれ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一部職員にのみ他の職員と均衡を失する手当が支給されていない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各種手当は給与規程に定められたものでありかつ手当額、支給率が適当であること。</a:t>
          </a:r>
        </a:p>
      </xdr:txBody>
    </xdr:sp>
    <xdr:clientData/>
  </xdr:twoCellAnchor>
  <xdr:twoCellAnchor>
    <xdr:from>
      <xdr:col>13</xdr:col>
      <xdr:colOff>78442</xdr:colOff>
      <xdr:row>223</xdr:row>
      <xdr:rowOff>89648</xdr:rowOff>
    </xdr:from>
    <xdr:to>
      <xdr:col>13</xdr:col>
      <xdr:colOff>5894294</xdr:colOff>
      <xdr:row>225</xdr:row>
      <xdr:rowOff>381003</xdr:rowOff>
    </xdr:to>
    <xdr:sp macro="" textlink="">
      <xdr:nvSpPr>
        <xdr:cNvPr id="151" name="正方形/長方形 150">
          <a:extLst>
            <a:ext uri="{FF2B5EF4-FFF2-40B4-BE49-F238E27FC236}">
              <a16:creationId xmlns:a16="http://schemas.microsoft.com/office/drawing/2014/main" id="{00000000-0008-0000-0000-000097000000}"/>
            </a:ext>
          </a:extLst>
        </xdr:cNvPr>
        <xdr:cNvSpPr/>
      </xdr:nvSpPr>
      <xdr:spPr>
        <a:xfrm>
          <a:off x="6936442" y="293941501"/>
          <a:ext cx="5815852" cy="762002"/>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取扱通知</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７　経理等通知の別表２において「保育所等の建物、設備の整備・修繕、環境の改善等」とは、保育所等の建物</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保育所等を経営する事業を行う上で不可欠な車庫、物置及び駐車場等を含む。また、）及び建物附属設備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整備、修繕並びに模様替、並びに、入所者処遇上必要な屋外遊具、屋外照明、花壇、門扉塀の整備等の環境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改善を指し、土地取得費や保育所等以外の建物・設備の整備、修繕等は含まないこと。</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3</xdr:col>
      <xdr:colOff>56031</xdr:colOff>
      <xdr:row>231</xdr:row>
      <xdr:rowOff>145675</xdr:rowOff>
    </xdr:from>
    <xdr:to>
      <xdr:col>13</xdr:col>
      <xdr:colOff>5871883</xdr:colOff>
      <xdr:row>235</xdr:row>
      <xdr:rowOff>78442</xdr:rowOff>
    </xdr:to>
    <xdr:sp macro="" textlink="">
      <xdr:nvSpPr>
        <xdr:cNvPr id="152" name="正方形/長方形 151">
          <a:extLst>
            <a:ext uri="{FF2B5EF4-FFF2-40B4-BE49-F238E27FC236}">
              <a16:creationId xmlns:a16="http://schemas.microsoft.com/office/drawing/2014/main" id="{00000000-0008-0000-0000-000098000000}"/>
            </a:ext>
          </a:extLst>
        </xdr:cNvPr>
        <xdr:cNvSpPr/>
      </xdr:nvSpPr>
      <xdr:spPr>
        <a:xfrm>
          <a:off x="6914031" y="296249910"/>
          <a:ext cx="5815852" cy="874061"/>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取扱通知</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８　経理等通知の別表３において「子育て支援事業を実施する施設の建物、設備の整備・修繕、環境の改善及び</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土地の取得等」とは、子育て支援事業を実施する施設の建物（子育て支援事業を行う上で不可欠な車庫、物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及び駐車場等を含む。）及び建物附属設備の整備、修繕並びに模様替、並びに、事業対象者の処遇上必要な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外遊具、屋外照明、花壇、門扉塀の整備等の環境の改善や土地の取得を指し、子育て支援事業を実施する施設</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以外の建物・設備の整備、修繕等は含まないこと。</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3</xdr:col>
      <xdr:colOff>56030</xdr:colOff>
      <xdr:row>245</xdr:row>
      <xdr:rowOff>67236</xdr:rowOff>
    </xdr:from>
    <xdr:to>
      <xdr:col>13</xdr:col>
      <xdr:colOff>5894294</xdr:colOff>
      <xdr:row>247</xdr:row>
      <xdr:rowOff>112058</xdr:rowOff>
    </xdr:to>
    <xdr:sp macro="" textlink="">
      <xdr:nvSpPr>
        <xdr:cNvPr id="153" name="正方形/長方形 152">
          <a:extLst>
            <a:ext uri="{FF2B5EF4-FFF2-40B4-BE49-F238E27FC236}">
              <a16:creationId xmlns:a16="http://schemas.microsoft.com/office/drawing/2014/main" id="{00000000-0008-0000-0000-000099000000}"/>
            </a:ext>
          </a:extLst>
        </xdr:cNvPr>
        <xdr:cNvSpPr/>
      </xdr:nvSpPr>
      <xdr:spPr>
        <a:xfrm>
          <a:off x="6914030" y="299466001"/>
          <a:ext cx="5838264" cy="515469"/>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運用通知</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問５（</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保育所の土地又は建物の賃借料」に敷金等は含まれる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経理等通知にいう「賃借料」とは、賃借に伴って必然的に生ずる対価のことをいうものであって、敷金、礼金、</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更新料等も含まれ得る。</a:t>
          </a:r>
        </a:p>
      </xdr:txBody>
    </xdr:sp>
    <xdr:clientData/>
  </xdr:twoCellAnchor>
  <xdr:twoCellAnchor>
    <xdr:from>
      <xdr:col>13</xdr:col>
      <xdr:colOff>78439</xdr:colOff>
      <xdr:row>225</xdr:row>
      <xdr:rowOff>437031</xdr:rowOff>
    </xdr:from>
    <xdr:to>
      <xdr:col>13</xdr:col>
      <xdr:colOff>5905499</xdr:colOff>
      <xdr:row>227</xdr:row>
      <xdr:rowOff>67236</xdr:rowOff>
    </xdr:to>
    <xdr:sp macro="" textlink="">
      <xdr:nvSpPr>
        <xdr:cNvPr id="154" name="正方形/長方形 153">
          <a:extLst>
            <a:ext uri="{FF2B5EF4-FFF2-40B4-BE49-F238E27FC236}">
              <a16:creationId xmlns:a16="http://schemas.microsoft.com/office/drawing/2014/main" id="{00000000-0008-0000-0000-00009A000000}"/>
            </a:ext>
          </a:extLst>
        </xdr:cNvPr>
        <xdr:cNvSpPr/>
      </xdr:nvSpPr>
      <xdr:spPr>
        <a:xfrm>
          <a:off x="6936439" y="294759531"/>
          <a:ext cx="5827060" cy="470646"/>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運用通知</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問９（経理等通知の別表２等における租税公課と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保育所の運営に関して、個人立の保育所の場合に課せられる所得税、営利法人立の保育所の場合に課せられ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法人税等が考えられる。</a:t>
          </a:r>
        </a:p>
      </xdr:txBody>
    </xdr:sp>
    <xdr:clientData/>
  </xdr:twoCellAnchor>
  <mc:AlternateContent xmlns:mc="http://schemas.openxmlformats.org/markup-compatibility/2006">
    <mc:Choice xmlns:a14="http://schemas.microsoft.com/office/drawing/2010/main" Requires="a14">
      <xdr:twoCellAnchor editAs="oneCell">
        <xdr:from>
          <xdr:col>0</xdr:col>
          <xdr:colOff>112057</xdr:colOff>
          <xdr:row>214</xdr:row>
          <xdr:rowOff>78442</xdr:rowOff>
        </xdr:from>
        <xdr:to>
          <xdr:col>11</xdr:col>
          <xdr:colOff>228285</xdr:colOff>
          <xdr:row>245</xdr:row>
          <xdr:rowOff>147396</xdr:rowOff>
        </xdr:to>
        <xdr:pic>
          <xdr:nvPicPr>
            <xdr:cNvPr id="156" name="図 155">
              <a:extLst>
                <a:ext uri="{FF2B5EF4-FFF2-40B4-BE49-F238E27FC236}">
                  <a16:creationId xmlns:a16="http://schemas.microsoft.com/office/drawing/2014/main" id="{00000000-0008-0000-0000-00009C000000}"/>
                </a:ext>
              </a:extLst>
            </xdr:cNvPr>
            <xdr:cNvPicPr>
              <a:picLocks noChangeAspect="1" noChangeArrowheads="1"/>
              <a:extLst>
                <a:ext uri="{84589F7E-364E-4C9E-8A38-B11213B215E9}">
                  <a14:cameraTool cellRange="委託費の弾力運用の状況入力シート!$B$5:$D$26" spid="_x0000_s19953"/>
                </a:ext>
              </a:extLst>
            </xdr:cNvPicPr>
          </xdr:nvPicPr>
          <xdr:blipFill>
            <a:blip xmlns:r="http://schemas.openxmlformats.org/officeDocument/2006/relationships" r:embed="rId1"/>
            <a:srcRect/>
            <a:stretch>
              <a:fillRect/>
            </a:stretch>
          </xdr:blipFill>
          <xdr:spPr bwMode="auto">
            <a:xfrm>
              <a:off x="112057" y="277547295"/>
              <a:ext cx="5782234" cy="8069956"/>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13</xdr:col>
      <xdr:colOff>78443</xdr:colOff>
      <xdr:row>219</xdr:row>
      <xdr:rowOff>33615</xdr:rowOff>
    </xdr:from>
    <xdr:to>
      <xdr:col>13</xdr:col>
      <xdr:colOff>5905500</xdr:colOff>
      <xdr:row>223</xdr:row>
      <xdr:rowOff>44824</xdr:rowOff>
    </xdr:to>
    <xdr:sp macro="" textlink="">
      <xdr:nvSpPr>
        <xdr:cNvPr id="157" name="正方形/長方形 156">
          <a:extLst>
            <a:ext uri="{FF2B5EF4-FFF2-40B4-BE49-F238E27FC236}">
              <a16:creationId xmlns:a16="http://schemas.microsoft.com/office/drawing/2014/main" id="{00000000-0008-0000-0000-00009D000000}"/>
            </a:ext>
          </a:extLst>
        </xdr:cNvPr>
        <xdr:cNvSpPr/>
      </xdr:nvSpPr>
      <xdr:spPr>
        <a:xfrm>
          <a:off x="6936443" y="292944174"/>
          <a:ext cx="5827057" cy="952503"/>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通知</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別表２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１　保育所等の建物、設備の整備・修繕、環境の改善等に要する経費（保育所等を経営する事業に必要なものに</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限る。以下２及び３において同じ</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２　保育所等の土地又は建物の賃借料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３　以上の経費に係る借入金（利息部分を含む。）の償還又は積立のための支出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４　保育所等を経営する事業に係る租税公課 </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twoCellAnchor>
    <xdr:from>
      <xdr:col>13</xdr:col>
      <xdr:colOff>89646</xdr:colOff>
      <xdr:row>169</xdr:row>
      <xdr:rowOff>11207</xdr:rowOff>
    </xdr:from>
    <xdr:to>
      <xdr:col>14</xdr:col>
      <xdr:colOff>974909</xdr:colOff>
      <xdr:row>170</xdr:row>
      <xdr:rowOff>280147</xdr:rowOff>
    </xdr:to>
    <xdr:sp macro="" textlink="">
      <xdr:nvSpPr>
        <xdr:cNvPr id="159" name="正方形/長方形 158">
          <a:extLst>
            <a:ext uri="{FF2B5EF4-FFF2-40B4-BE49-F238E27FC236}">
              <a16:creationId xmlns:a16="http://schemas.microsoft.com/office/drawing/2014/main" id="{00000000-0008-0000-0000-00009F000000}"/>
            </a:ext>
          </a:extLst>
        </xdr:cNvPr>
        <xdr:cNvSpPr/>
      </xdr:nvSpPr>
      <xdr:spPr>
        <a:xfrm>
          <a:off x="6947646" y="272695148"/>
          <a:ext cx="6835587" cy="1109381"/>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経理等通知１（委託費の使途範囲） </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 </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に関わらず、委託費については、</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 </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の①から⑦までに掲げる要件を満たす保育所にあっては、長期的に安定した施設経営を</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確保するため、以下の積立資産に積み立て、次年度以降の当該保育所の経費に充てることができ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①　人件費積立資産（人件費の類に属する経費にかかる積立資産）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②　修繕積立資産（建物及び建物付属設備又は機械器具等備品の修繕に要する費用にかかる積立資産）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③　備品等購入積立資産（業務省力化機器をはじめ施設運営費・経営上効果のある物品を購入するための積立資産）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なお、各積立資産をそれぞれの積立目的以外に使用する場合は、事前に貴職に協議を求め、審査の上適当と認められる場合は、</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使用を認めて差し支えないこと。  </a:t>
          </a:r>
        </a:p>
      </xdr:txBody>
    </xdr:sp>
    <xdr:clientData/>
  </xdr:twoCellAnchor>
  <xdr:twoCellAnchor>
    <xdr:from>
      <xdr:col>13</xdr:col>
      <xdr:colOff>51266</xdr:colOff>
      <xdr:row>171</xdr:row>
      <xdr:rowOff>166687</xdr:rowOff>
    </xdr:from>
    <xdr:to>
      <xdr:col>14</xdr:col>
      <xdr:colOff>947737</xdr:colOff>
      <xdr:row>178</xdr:row>
      <xdr:rowOff>4762</xdr:rowOff>
    </xdr:to>
    <xdr:sp macro="" textlink="">
      <xdr:nvSpPr>
        <xdr:cNvPr id="160" name="正方形/長方形 159">
          <a:extLst>
            <a:ext uri="{FF2B5EF4-FFF2-40B4-BE49-F238E27FC236}">
              <a16:creationId xmlns:a16="http://schemas.microsoft.com/office/drawing/2014/main" id="{00000000-0008-0000-0000-0000A0000000}"/>
            </a:ext>
          </a:extLst>
        </xdr:cNvPr>
        <xdr:cNvSpPr/>
      </xdr:nvSpPr>
      <xdr:spPr>
        <a:xfrm>
          <a:off x="7071191" y="102469950"/>
          <a:ext cx="6849596" cy="1638300"/>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経理等通知１（委託費の使途範囲） </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4)</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 </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に関わらず、別表１に掲げる事業等のいずれかを実施する保育所であって、</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 </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の①から⑦までに掲げる要件を満たすものに</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あっては、当該事業を実施する会計年度において、委託費を</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 </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に掲げる経費又は</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 </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に掲げる積立資産への積立支出に加え、処遇</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改善等加算の区分１「基礎分」（以下「改善基礎分」という。）として加算された額に相当する額の範囲内で、同一の設置者が設</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置する保育所等（保育所及び保育所以外の子ども・子育て支援法に規定する特定教育・保育施設及び特定地域型保育事業をいう。</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以下同じ。）に係る別表２に掲げる経費等に充てることができること。また、別表２の３の保育所等の施設・設備整備のための積</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立支出については、保育所の拠点区分（当該拠点区分においてサービス区分を設定している場合には、「積立金・積立資産明細書」</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の摘要欄にサービス区分名を記載すること）に「保育所施設・設備整備積立資産積立支出」の科目を設けて行い、貸借対照表の固</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定資産の部に「保育所施設・設備整備積立資産」を、純資産の部に「保育所施設・設備整備積立金」をそれぞれ設けて行うものと</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す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また、この保育所施設・設備整備積立資産を同一の設置者が設置する他の保育所等の施設・設備に充てようとする場合は、事前</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に貴職に協議を求め、審査の上、適当と認められる場合は、使用を認めて差し支えないこと。 </a:t>
          </a:r>
        </a:p>
      </xdr:txBody>
    </xdr:sp>
    <xdr:clientData/>
  </xdr:twoCellAnchor>
  <xdr:twoCellAnchor>
    <xdr:from>
      <xdr:col>13</xdr:col>
      <xdr:colOff>56030</xdr:colOff>
      <xdr:row>241</xdr:row>
      <xdr:rowOff>56028</xdr:rowOff>
    </xdr:from>
    <xdr:to>
      <xdr:col>13</xdr:col>
      <xdr:colOff>5883088</xdr:colOff>
      <xdr:row>245</xdr:row>
      <xdr:rowOff>11205</xdr:rowOff>
    </xdr:to>
    <xdr:sp macro="" textlink="">
      <xdr:nvSpPr>
        <xdr:cNvPr id="161" name="正方形/長方形 160">
          <a:extLst>
            <a:ext uri="{FF2B5EF4-FFF2-40B4-BE49-F238E27FC236}">
              <a16:creationId xmlns:a16="http://schemas.microsoft.com/office/drawing/2014/main" id="{00000000-0008-0000-0000-0000A1000000}"/>
            </a:ext>
          </a:extLst>
        </xdr:cNvPr>
        <xdr:cNvSpPr/>
      </xdr:nvSpPr>
      <xdr:spPr>
        <a:xfrm>
          <a:off x="6914030" y="298513499"/>
          <a:ext cx="5827058" cy="896471"/>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通知別表５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１　保育所等の建物、設備の整備・修繕、環境の改善、土地の取得等に要する経費（保育所等を経営する事業に</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必要なものに限る。以下２及び３において同じ。）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２　保育所等の土地又は建物の賃借料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３　以上の経費に係る借入金（利息部分含む。）の償還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４　保育所等を経営する事業に係る租税公課 </a:t>
          </a:r>
        </a:p>
      </xdr:txBody>
    </xdr:sp>
    <xdr:clientData/>
  </xdr:twoCellAnchor>
  <xdr:twoCellAnchor>
    <xdr:from>
      <xdr:col>13</xdr:col>
      <xdr:colOff>56028</xdr:colOff>
      <xdr:row>228</xdr:row>
      <xdr:rowOff>168091</xdr:rowOff>
    </xdr:from>
    <xdr:to>
      <xdr:col>13</xdr:col>
      <xdr:colOff>5871881</xdr:colOff>
      <xdr:row>231</xdr:row>
      <xdr:rowOff>89649</xdr:rowOff>
    </xdr:to>
    <xdr:sp macro="" textlink="">
      <xdr:nvSpPr>
        <xdr:cNvPr id="162" name="正方形/長方形 161">
          <a:extLst>
            <a:ext uri="{FF2B5EF4-FFF2-40B4-BE49-F238E27FC236}">
              <a16:creationId xmlns:a16="http://schemas.microsoft.com/office/drawing/2014/main" id="{00000000-0008-0000-0000-0000A2000000}"/>
            </a:ext>
          </a:extLst>
        </xdr:cNvPr>
        <xdr:cNvSpPr/>
      </xdr:nvSpPr>
      <xdr:spPr>
        <a:xfrm>
          <a:off x="6914028" y="295566356"/>
          <a:ext cx="5815853" cy="627528"/>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通知別表３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１　子育て支援事業を実施する施設の建物、設備の整備・修繕、環境の改善及び土地の取得等に要する経費（子</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育て支援事業に必要なものに限る。以下２において同じ。）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２　１の経費に係る借入金（利息部分を含む。）の償還又は積立のための支出 </a:t>
          </a:r>
        </a:p>
      </xdr:txBody>
    </xdr:sp>
    <xdr:clientData/>
  </xdr:twoCellAnchor>
  <xdr:twoCellAnchor>
    <xdr:from>
      <xdr:col>13</xdr:col>
      <xdr:colOff>67235</xdr:colOff>
      <xdr:row>236</xdr:row>
      <xdr:rowOff>179294</xdr:rowOff>
    </xdr:from>
    <xdr:to>
      <xdr:col>13</xdr:col>
      <xdr:colOff>5905500</xdr:colOff>
      <xdr:row>240</xdr:row>
      <xdr:rowOff>195791</xdr:rowOff>
    </xdr:to>
    <xdr:sp macro="" textlink="">
      <xdr:nvSpPr>
        <xdr:cNvPr id="163" name="正方形/長方形 162">
          <a:extLst>
            <a:ext uri="{FF2B5EF4-FFF2-40B4-BE49-F238E27FC236}">
              <a16:creationId xmlns:a16="http://schemas.microsoft.com/office/drawing/2014/main" id="{00000000-0008-0000-0000-0000A3000000}"/>
            </a:ext>
          </a:extLst>
        </xdr:cNvPr>
        <xdr:cNvSpPr/>
      </xdr:nvSpPr>
      <xdr:spPr>
        <a:xfrm>
          <a:off x="7089277" y="310905961"/>
          <a:ext cx="5838265" cy="905497"/>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通知別表４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１　社会福祉施設等の建物、設備の整備・修繕、環境の改善、土地の取得等に要する経費（社会福祉施設等を経</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営する事業に必要なものに限る。以下２及び３において同じ。）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２　社会福祉施設等の土地又は建物の賃借料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３　以上の経費に係る借入金（利息部分含む。）の償還又は積立のための支出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４　社会福祉施設等を経営する事業に係る租税公課 </a:t>
          </a:r>
        </a:p>
      </xdr:txBody>
    </xdr:sp>
    <xdr:clientData/>
  </xdr:twoCellAnchor>
  <xdr:twoCellAnchor>
    <xdr:from>
      <xdr:col>13</xdr:col>
      <xdr:colOff>78438</xdr:colOff>
      <xdr:row>206</xdr:row>
      <xdr:rowOff>246528</xdr:rowOff>
    </xdr:from>
    <xdr:to>
      <xdr:col>13</xdr:col>
      <xdr:colOff>5894294</xdr:colOff>
      <xdr:row>209</xdr:row>
      <xdr:rowOff>414618</xdr:rowOff>
    </xdr:to>
    <xdr:sp macro="" textlink="">
      <xdr:nvSpPr>
        <xdr:cNvPr id="168" name="正方形/長方形 167">
          <a:extLst>
            <a:ext uri="{FF2B5EF4-FFF2-40B4-BE49-F238E27FC236}">
              <a16:creationId xmlns:a16="http://schemas.microsoft.com/office/drawing/2014/main" id="{00000000-0008-0000-0000-0000A8000000}"/>
            </a:ext>
          </a:extLst>
        </xdr:cNvPr>
        <xdr:cNvSpPr/>
      </xdr:nvSpPr>
      <xdr:spPr>
        <a:xfrm>
          <a:off x="6936438" y="287016263"/>
          <a:ext cx="5815856" cy="2465296"/>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取扱通知</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５　経理等通知の１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及び</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並びに３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関して、各積立資産をそれぞれの積立目的以外に使用する場合</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又は前期末支払資金残高を取り崩して使用する場合は、使途範囲がその施設の運営や入所児童の処遇に必要な</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経費又は同通知１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による別表２に係る経費等であれば、取崩しを認めて差し支えないこと。</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その施設の運営や入所児童の処遇に必要な経費」とは、具体的には、次のような事例が考えられ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人件費、光熱水料等通常経費の不足分の補填</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建物の修繕、模様替え等</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建物附属設備の更新</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省力化機器並びにソーラーシステム、集中冷暖房、給湯設備、フェンス、スプリンクラー、防火設備等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設備の整備</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花壇、遊歩道等の環境の整備、その施設の用に供する駐車場、道路の舗装等</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登所バス等の購入、修理等</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経理等通知１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関して、目的以外に使用する場合とは、保育所施設・設備整備積立資産を同一</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設置者の当該保育所以外の社会福祉施設等（「社会福祉法人が経営する社会福祉施設における運営費の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用及び指導について」（平成</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6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月</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2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日雇児発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031200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社援発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031200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老発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031200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別</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表３に掲げる施設、子ども・子育て支援法に規定する特定教育・保育施設及び特定地域型保育事業をいう。）</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新築又は増改築に係る経費（土地取得費を含む。）に充当する等法人の経営上やむを得ない場合に限られ</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るものであること。</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3</xdr:col>
      <xdr:colOff>66614</xdr:colOff>
      <xdr:row>200</xdr:row>
      <xdr:rowOff>224739</xdr:rowOff>
    </xdr:from>
    <xdr:to>
      <xdr:col>13</xdr:col>
      <xdr:colOff>5904878</xdr:colOff>
      <xdr:row>203</xdr:row>
      <xdr:rowOff>448856</xdr:rowOff>
    </xdr:to>
    <xdr:sp macro="" textlink="">
      <xdr:nvSpPr>
        <xdr:cNvPr id="169" name="正方形/長方形 168">
          <a:extLst>
            <a:ext uri="{FF2B5EF4-FFF2-40B4-BE49-F238E27FC236}">
              <a16:creationId xmlns:a16="http://schemas.microsoft.com/office/drawing/2014/main" id="{00000000-0008-0000-0000-0000A9000000}"/>
            </a:ext>
          </a:extLst>
        </xdr:cNvPr>
        <xdr:cNvSpPr/>
      </xdr:nvSpPr>
      <xdr:spPr>
        <a:xfrm>
          <a:off x="7125697" y="299330906"/>
          <a:ext cx="5838264" cy="1631700"/>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経理等通知１（委託費の使途範囲） </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に関わらず、委託費については、</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掲げる弾力運用に係る要件を満たす保育所にあっては、長期的に</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安定した施設経営を確保するため、以下の積立資産に積み立て、次年度以降の当該保育所の経費に充てること</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ができ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①　人件費積立資産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②　保育所施設・設備整備積立資産（建物・設備及び機器器具等備品の整備・修繕、環境の改善等に要する費</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用、業務省力化機器をはじめ施設運営費・経営上効果のある物品の購入に要する費用、及び増改築に伴う土</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地取得に要する費用に係る積立資産）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各積立資産についてそれぞれの目的以外に使用する場合は、事前に貴職（当該保育所の設置主体が</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社会福祉法人又は学校法人である場合は理事会）において、その使用目的、取り崩す金額、時期等を十分審</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査の上、当該保育所設置主体の経営上やむを得ないものとして承認された場合については使用して差し支え</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い。 </a:t>
          </a:r>
        </a:p>
      </xdr:txBody>
    </xdr:sp>
    <xdr:clientData/>
  </xdr:twoCellAnchor>
  <xdr:twoCellAnchor>
    <xdr:from>
      <xdr:col>13</xdr:col>
      <xdr:colOff>78438</xdr:colOff>
      <xdr:row>204</xdr:row>
      <xdr:rowOff>168085</xdr:rowOff>
    </xdr:from>
    <xdr:to>
      <xdr:col>13</xdr:col>
      <xdr:colOff>5916706</xdr:colOff>
      <xdr:row>206</xdr:row>
      <xdr:rowOff>0</xdr:rowOff>
    </xdr:to>
    <xdr:sp macro="" textlink="">
      <xdr:nvSpPr>
        <xdr:cNvPr id="170" name="正方形/長方形 169">
          <a:extLst>
            <a:ext uri="{FF2B5EF4-FFF2-40B4-BE49-F238E27FC236}">
              <a16:creationId xmlns:a16="http://schemas.microsoft.com/office/drawing/2014/main" id="{00000000-0008-0000-0000-0000AA000000}"/>
            </a:ext>
          </a:extLst>
        </xdr:cNvPr>
        <xdr:cNvSpPr/>
      </xdr:nvSpPr>
      <xdr:spPr>
        <a:xfrm>
          <a:off x="6936438" y="285974114"/>
          <a:ext cx="5838268" cy="795621"/>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運用通知</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問１０（</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経理等通知１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の「同一の設置者が実施する子育て支援事業」とは）抜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子育て支援事業とは、子ども・子育て支援法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9</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条に規定する地域・子ども・子育て支援事業及び同法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9</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条</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項に規定する仕事・子育て両立支援事業により助成を受けた企業主導型保育事業をいい、例えば、保育所</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と一体的に運営している児童館等において実施される子育て支援事業についても、ここでいう子育て支援事業に</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該当するものとして差し支えない。</a:t>
          </a:r>
        </a:p>
      </xdr:txBody>
    </xdr:sp>
    <xdr:clientData/>
  </xdr:twoCellAnchor>
  <xdr:twoCellAnchor>
    <xdr:from>
      <xdr:col>13</xdr:col>
      <xdr:colOff>56030</xdr:colOff>
      <xdr:row>262</xdr:row>
      <xdr:rowOff>262715</xdr:rowOff>
    </xdr:from>
    <xdr:to>
      <xdr:col>13</xdr:col>
      <xdr:colOff>5905500</xdr:colOff>
      <xdr:row>264</xdr:row>
      <xdr:rowOff>117039</xdr:rowOff>
    </xdr:to>
    <xdr:sp macro="" textlink="">
      <xdr:nvSpPr>
        <xdr:cNvPr id="140" name="正方形/長方形 139">
          <a:extLst>
            <a:ext uri="{FF2B5EF4-FFF2-40B4-BE49-F238E27FC236}">
              <a16:creationId xmlns:a16="http://schemas.microsoft.com/office/drawing/2014/main" id="{00000000-0008-0000-0000-00008C000000}"/>
            </a:ext>
          </a:extLst>
        </xdr:cNvPr>
        <xdr:cNvSpPr/>
      </xdr:nvSpPr>
      <xdr:spPr>
        <a:xfrm>
          <a:off x="7115113" y="319593632"/>
          <a:ext cx="5849470" cy="1113740"/>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運用通知</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問１４（経理等通知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に関し、「当該法人の経営上止むを得ない場合」と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具体的には、次のような事例が考えられ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１　当該法人内の他の施設拠点区分において補助金収入（措置費及び委託費を含む。）の遅れ等により、資金不</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足が生じた場合</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２　当該法人内の施設拠点区分において都道府県補助金収入が予定より遅れたため、資金不足を生じた場合</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３　当該法人内の収益事業において、一時的な資金不足が生じた場合</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いずれの場合においても真に止むを得ないと認められる場合であって、かつ当該年度内に返済が確実</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である場合に限られるものである</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a:t>
          </a:r>
        </a:p>
      </xdr:txBody>
    </xdr:sp>
    <xdr:clientData/>
  </xdr:twoCellAnchor>
  <xdr:twoCellAnchor>
    <xdr:from>
      <xdr:col>13</xdr:col>
      <xdr:colOff>43422</xdr:colOff>
      <xdr:row>264</xdr:row>
      <xdr:rowOff>232242</xdr:rowOff>
    </xdr:from>
    <xdr:to>
      <xdr:col>13</xdr:col>
      <xdr:colOff>5870482</xdr:colOff>
      <xdr:row>266</xdr:row>
      <xdr:rowOff>266699</xdr:rowOff>
    </xdr:to>
    <xdr:sp macro="" textlink="">
      <xdr:nvSpPr>
        <xdr:cNvPr id="149" name="正方形/長方形 148">
          <a:extLst>
            <a:ext uri="{FF2B5EF4-FFF2-40B4-BE49-F238E27FC236}">
              <a16:creationId xmlns:a16="http://schemas.microsoft.com/office/drawing/2014/main" id="{00000000-0008-0000-0000-000095000000}"/>
            </a:ext>
          </a:extLst>
        </xdr:cNvPr>
        <xdr:cNvSpPr/>
      </xdr:nvSpPr>
      <xdr:spPr>
        <a:xfrm>
          <a:off x="7063347" y="135391992"/>
          <a:ext cx="5827060" cy="848845"/>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運用通知問１５（経理等通知の</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4(2)</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に関し、</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本部拠点区分への貸付の対象範囲）</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委託費等の同一法人内における貸付のうち、本部拠点区分に対しての貸付について、社会福祉法人会計基準に</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定める本部拠点区分資金収支計算書及び社会福祉事業区分資金収支内訳表の本部拠点区分の勘定科目大区分「人</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件費支出」及び「事務費支出」に相当する経費とし、いずれも社会福祉事業、公益事業又は収益事業に関する経</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費に限り認められるものであること。</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3</xdr:col>
      <xdr:colOff>78441</xdr:colOff>
      <xdr:row>278</xdr:row>
      <xdr:rowOff>67236</xdr:rowOff>
    </xdr:from>
    <xdr:to>
      <xdr:col>13</xdr:col>
      <xdr:colOff>5916706</xdr:colOff>
      <xdr:row>284</xdr:row>
      <xdr:rowOff>381000</xdr:rowOff>
    </xdr:to>
    <xdr:sp macro="" textlink="">
      <xdr:nvSpPr>
        <xdr:cNvPr id="150" name="正方形/長方形 149">
          <a:extLst>
            <a:ext uri="{FF2B5EF4-FFF2-40B4-BE49-F238E27FC236}">
              <a16:creationId xmlns:a16="http://schemas.microsoft.com/office/drawing/2014/main" id="{00000000-0008-0000-0000-000096000000}"/>
            </a:ext>
          </a:extLst>
        </xdr:cNvPr>
        <xdr:cNvSpPr/>
      </xdr:nvSpPr>
      <xdr:spPr>
        <a:xfrm>
          <a:off x="6936441" y="311646795"/>
          <a:ext cx="5838265" cy="3003176"/>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経理等通知３（前期末支払資金残高の取扱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前期末支払資金残高の取り崩しについては、事前に貴職に協議を求め、審査の上適当と認められる場合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使用を認めて差し支えない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前期末支払資金残高については、自然災害その他止むを得ない事由によりその取崩しを必要とする場</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合又は取り崩す額の合計額がその年度の取崩しを必要とする施設に係る拠点区分の事業活動収入計（予算額）</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３％以下である場合は事前の協議を省略して差し支えない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前期末支払資金残高については、１</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要件を満たす場合においては、あらかじめ貴職（当該保育所の設</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置主体が社会福祉法人又は学校法人である場合は理事会）の承認を得た上で、当該施設の人件費、光熱水料等</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通常経費の不足分を補填できるほか、当該施設の運営に支障が生じない範囲において以下の経費に充当するこ</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とができる。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翌年度に前期末支払資金残高として取り扱うことができる当期末支払資金残高は、委託費の適正な執</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行により適正な保育所運営が確保された上で、長期的に安定した経営を確保するために将来発生が見込まれ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経費を計画的に積み立てた結果において保有するものであり、過大な保有を防止する観点から、当該年度の委</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託費収入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以下の保有とす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①　当該保育所を設置する法人本部の運営に要する経費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②　同一の設置者が運営する社会福祉法（昭和</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法律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第２条に定める第１種社会福祉事業及び第２</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種社会福祉事業並びに子育て支援事業の運営、施設設備の整備等に要する経費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③ 同一の設置者が運営する公益事業（子育て支援事業を除く）の運営、施設設備の整備等に要する経費</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企業会計の基準による会計処理をおこなっている者の支払資金は、企業会計の基準による貸借対照表の流動</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資産及び流動負債とし、その残高は流動資産と流動負債の差額とする。ただし、１年基準により固定資産又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固定負債から振替えられた流動資産・流動負債、引当金並びに棚卸資産（貯蔵品を除く。）を除くものとす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また、当期末支払資金残高から前期末支払資金残高を差し引いた額が、当期資金収支差額合計になること。 </a:t>
          </a:r>
        </a:p>
      </xdr:txBody>
    </xdr:sp>
    <xdr:clientData/>
  </xdr:twoCellAnchor>
  <xdr:twoCellAnchor>
    <xdr:from>
      <xdr:col>13</xdr:col>
      <xdr:colOff>67236</xdr:colOff>
      <xdr:row>284</xdr:row>
      <xdr:rowOff>459440</xdr:rowOff>
    </xdr:from>
    <xdr:to>
      <xdr:col>13</xdr:col>
      <xdr:colOff>5905500</xdr:colOff>
      <xdr:row>285</xdr:row>
      <xdr:rowOff>672353</xdr:rowOff>
    </xdr:to>
    <xdr:sp macro="" textlink="">
      <xdr:nvSpPr>
        <xdr:cNvPr id="155" name="正方形/長方形 154">
          <a:extLst>
            <a:ext uri="{FF2B5EF4-FFF2-40B4-BE49-F238E27FC236}">
              <a16:creationId xmlns:a16="http://schemas.microsoft.com/office/drawing/2014/main" id="{00000000-0008-0000-0000-00009B000000}"/>
            </a:ext>
          </a:extLst>
        </xdr:cNvPr>
        <xdr:cNvSpPr/>
      </xdr:nvSpPr>
      <xdr:spPr>
        <a:xfrm>
          <a:off x="6925236" y="314728411"/>
          <a:ext cx="5838264" cy="683560"/>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運用通知問２０（経理等通知３</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の当期末支払資金残高について、「当該年度の委託費収入の</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0</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以下</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の保有とすること。」とは）</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当該年度の委託費収入の</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0</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以下の保有とすること。」とは、Ａ年度決算時に計上されている当期末支払資</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金残高について、当該施設がＡ年度に受け入れた委託費収入の</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0</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以下であることをいう。</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3</xdr:col>
      <xdr:colOff>89646</xdr:colOff>
      <xdr:row>187</xdr:row>
      <xdr:rowOff>33618</xdr:rowOff>
    </xdr:from>
    <xdr:to>
      <xdr:col>13</xdr:col>
      <xdr:colOff>5905500</xdr:colOff>
      <xdr:row>189</xdr:row>
      <xdr:rowOff>224118</xdr:rowOff>
    </xdr:to>
    <xdr:sp macro="" textlink="">
      <xdr:nvSpPr>
        <xdr:cNvPr id="171" name="正方形/長方形 170">
          <a:extLst>
            <a:ext uri="{FF2B5EF4-FFF2-40B4-BE49-F238E27FC236}">
              <a16:creationId xmlns:a16="http://schemas.microsoft.com/office/drawing/2014/main" id="{00000000-0008-0000-0000-0000AB000000}"/>
            </a:ext>
          </a:extLst>
        </xdr:cNvPr>
        <xdr:cNvSpPr/>
      </xdr:nvSpPr>
      <xdr:spPr>
        <a:xfrm>
          <a:off x="6947646" y="279004059"/>
          <a:ext cx="5815854" cy="728383"/>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運用通知問１１（</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経理等通知１の</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の②アに関して、第三者評価の受審及び結果の公表とは）抜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１　第三者評価の受審は、自己評価、利用者の意向及び第三者評価機関によるサービスの質の向上や経営の改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を図るためのものであり、その結果が次年度の事業計画に反映されていること。</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２　第三者評価の結果の公表については、保育サービスの利用者のみならず、一般に対しても、ホームページ及</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び広報誌等の活用などにより行うこと。</a:t>
          </a:r>
        </a:p>
      </xdr:txBody>
    </xdr:sp>
    <xdr:clientData/>
  </xdr:twoCellAnchor>
  <xdr:twoCellAnchor>
    <xdr:from>
      <xdr:col>13</xdr:col>
      <xdr:colOff>89648</xdr:colOff>
      <xdr:row>190</xdr:row>
      <xdr:rowOff>22411</xdr:rowOff>
    </xdr:from>
    <xdr:to>
      <xdr:col>13</xdr:col>
      <xdr:colOff>5905500</xdr:colOff>
      <xdr:row>194</xdr:row>
      <xdr:rowOff>425823</xdr:rowOff>
    </xdr:to>
    <xdr:sp macro="" textlink="">
      <xdr:nvSpPr>
        <xdr:cNvPr id="174" name="正方形/長方形 173">
          <a:extLst>
            <a:ext uri="{FF2B5EF4-FFF2-40B4-BE49-F238E27FC236}">
              <a16:creationId xmlns:a16="http://schemas.microsoft.com/office/drawing/2014/main" id="{00000000-0008-0000-0000-0000AE000000}"/>
            </a:ext>
          </a:extLst>
        </xdr:cNvPr>
        <xdr:cNvSpPr/>
      </xdr:nvSpPr>
      <xdr:spPr>
        <a:xfrm>
          <a:off x="6947648" y="280920264"/>
          <a:ext cx="5815852" cy="1479177"/>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運用通知問１２（</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通知１の</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の②イに関して、「入所者等に対する苦情解決処理の仕組みの周知</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第三者委員の設置」及び「入所者等からのサービスに係る苦情内容及び解決結果の定期的な公表」とは）</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１　入所者等に対する苦情解決処理の仕組みの周知については、施設に配置される苦情解決責任者が、施設内へ</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の掲示、パンフレットの配布等により、苦情解決責任者、苦情受付担当者及び第三者委員の氏名や連絡先並び</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に苦情解決の仕組みについて周知し、随時、入所者等からの苦情を受け付け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２　第三者委員の設置については、苦情解決に社会性や客観性を確保し、利用者の立場や特性に配慮した適切な</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対応を推進するため、苦情解決を円滑・円満に図ることができる者又は世間からの信頼性を有する者を設置し、</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定期的に第三者委員会を開催するなど、迅速な対応を行っているこ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３　入所者等からのサービスに係る苦情内容及び解決結果の定期的な公表については、保育サービスの利用者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みならず、一般に対しても、ホームページ及び広報誌等の活用などにより行うこと。</a:t>
          </a:r>
        </a:p>
      </xdr:txBody>
    </xdr:sp>
    <xdr:clientData/>
  </xdr:twoCellAnchor>
  <xdr:twoCellAnchor>
    <xdr:from>
      <xdr:col>13</xdr:col>
      <xdr:colOff>52949</xdr:colOff>
      <xdr:row>178</xdr:row>
      <xdr:rowOff>19049</xdr:rowOff>
    </xdr:from>
    <xdr:to>
      <xdr:col>13</xdr:col>
      <xdr:colOff>5902419</xdr:colOff>
      <xdr:row>186</xdr:row>
      <xdr:rowOff>0</xdr:rowOff>
    </xdr:to>
    <xdr:sp macro="" textlink="">
      <xdr:nvSpPr>
        <xdr:cNvPr id="175" name="正方形/長方形 174">
          <a:extLst>
            <a:ext uri="{FF2B5EF4-FFF2-40B4-BE49-F238E27FC236}">
              <a16:creationId xmlns:a16="http://schemas.microsoft.com/office/drawing/2014/main" id="{00000000-0008-0000-0000-0000AF000000}"/>
            </a:ext>
          </a:extLst>
        </xdr:cNvPr>
        <xdr:cNvSpPr/>
      </xdr:nvSpPr>
      <xdr:spPr>
        <a:xfrm>
          <a:off x="7072874" y="104122537"/>
          <a:ext cx="5849470" cy="4148138"/>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経理等通知１（委託費の使途範囲） </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5)</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4)</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に掲げる弾力運用に係る要件を満たした上で、さらに、保育サービスの質の向上に関する下記の①から③</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の要件を満たすものにあっては、当該事業を実施する会計年度において、改善基礎分として加算された額に相</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当する額の範囲内で、同一の設置者が運営する子育て支援事業（子ども・子育て支援法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59</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条に規定する地域</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子ども・子育て支援事業及び同法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59</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条の２第１項に規定する仕事・子育て両立支援事業により助成を受けた</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企業主導型保育事業をいう。以下同じ。）に係る別表３に掲げる経費及び同一の設置者が運営する社会福祉施</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設等（「社会福祉法人が経営する社会福祉施設における運営費の使用及び指導について」（平成</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6</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年</a:t>
          </a:r>
          <a:r>
            <a:rPr kumimoji="1" lang="en-US" altLang="ja-JP" sz="900" b="0" i="0" baseline="0">
              <a:effectLst/>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月</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2</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日</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雇児発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0312001</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社援発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0312001</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老発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0312001</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 ）別表３に掲げる施設をいう。以下同じ。）に係</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る別表４に掲げる経費等に充てることができること。</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また、当該会計年度において、委託費の３か月分（当該年度４月から３月までの</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2</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か月分の委託費額の４分</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の１の額）に相当する額の範囲内（</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4)</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の改善基礎分を含み、処遇改善等加算の区分２「賃金改善分」（以下</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賃金改善分」という。）を除く。）まで、委託費を同一の設置者が設置する保育所等に係る別表５に掲げる経</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費及び同一の設置者が実施する子育て支援事業に係る別表３に掲げる経費等に充てることができること。なお、</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同一の設置者が実施する子育て支援事業への充当額は、拠点区分（当該拠点区分においてサービス区分を設定</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している場合には、サービス区分。以下同じ。）を設定している場合には、当該年度の支出に充当するため施</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設拠点区分から当該拠点区分へ繰り入れ支出し、拠点区分を設定していない場合には、当該支出額について書</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類により整理す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①　「社会福祉法人会計基準」（平成</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8</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年厚生労働省令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79</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に基づく資金収支計算書、事業区分資金収支</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内訳表、拠点区分資金収支計算書及び拠点区分資金収支明細書又は学校法人会計基準に基づく資金収支計算</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書及び資金収支内訳表もしくは企業会計による損益計算書及び「保育所の設置認可等について」（平成</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2</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年</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月</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30</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日児発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95</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に定める貸借対照表、これら以外の会計基準により会計処理を行っている場合は、こ</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れらに相当する財務諸表（以下「計算書等」という。）を保育所に備え付け、閲覧に供す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②　毎年度、次のア又はイが実施されてい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ア　第三者評価加算の認定を受け、サービスの質の向上に努め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イ　「社会福祉事業の経営者による福祉サービスに関する苦情解決の仕組みの指針について」</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平成</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2</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年</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6</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月</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7</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日障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452 </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社援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352</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老発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514 </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児発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575</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により、入所者等に対して苦情解決の仕組み</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が周知されており、第三者委員を設置して適切な対応を行っているとともに、入所者等からのサービスに</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係る苦情内容及び解決結果の定期的な公表を行うなど、利用者の保護に努め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③　キャリアパス要件（「施設型給付費等に係る処遇改善等加算について」（令和</a:t>
          </a:r>
          <a:r>
            <a:rPr kumimoji="1" lang="en-US" altLang="ja-JP" sz="900" b="0" i="0" baseline="0">
              <a:effectLst/>
              <a:latin typeface="+mn-lt"/>
              <a:ea typeface="+mn-ea"/>
              <a:cs typeface="+mn-cs"/>
            </a:rPr>
            <a:t>7</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a:t>
          </a:r>
          <a:r>
            <a:rPr kumimoji="1" lang="en-US" altLang="ja-JP" sz="900" b="0" i="0" baseline="0">
              <a:effectLst/>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月</a:t>
          </a:r>
          <a:r>
            <a:rPr kumimoji="1" lang="en-US" altLang="ja-JP" sz="900" b="0" i="0" baseline="0">
              <a:effectLst/>
              <a:latin typeface="+mn-lt"/>
              <a:ea typeface="+mn-ea"/>
              <a:cs typeface="+mn-cs"/>
            </a:rPr>
            <a:t>1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日こ成保</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9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７文科初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5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以下「処遇改善等加算通知」という。）の第２の１に定める「キャリアパス要件」を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う。）及び賃金改善要件（処遇改善等加算通知の第２の２に定める要件をいう。）のいずれも満たしてい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こと。 </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endPar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twoCellAnchor>
    <xdr:from>
      <xdr:col>2</xdr:col>
      <xdr:colOff>89647</xdr:colOff>
      <xdr:row>162</xdr:row>
      <xdr:rowOff>246530</xdr:rowOff>
    </xdr:from>
    <xdr:to>
      <xdr:col>8</xdr:col>
      <xdr:colOff>22413</xdr:colOff>
      <xdr:row>169</xdr:row>
      <xdr:rowOff>739589</xdr:rowOff>
    </xdr:to>
    <xdr:sp macro="" textlink="">
      <xdr:nvSpPr>
        <xdr:cNvPr id="7" name="正方形/長方形 6">
          <a:extLst>
            <a:ext uri="{FF2B5EF4-FFF2-40B4-BE49-F238E27FC236}">
              <a16:creationId xmlns:a16="http://schemas.microsoft.com/office/drawing/2014/main" id="{00000000-0008-0000-0000-000007000000}"/>
            </a:ext>
          </a:extLst>
        </xdr:cNvPr>
        <xdr:cNvSpPr/>
      </xdr:nvSpPr>
      <xdr:spPr>
        <a:xfrm>
          <a:off x="1322294" y="269680765"/>
          <a:ext cx="3630707" cy="3832412"/>
        </a:xfrm>
        <a:prstGeom prst="rect">
          <a:avLst/>
        </a:prstGeom>
        <a:noFill/>
        <a:ln w="6350" cap="rnd">
          <a:solidFill>
            <a:schemeClr val="tx1"/>
          </a:solidFill>
          <a:bevel/>
        </a:ln>
        <a:effectLst>
          <a:innerShdw blurRad="63500" dist="50800" dir="2700000">
            <a:schemeClr val="tx1">
              <a:lumMod val="50000"/>
              <a:lumOff val="50000"/>
              <a:alpha val="50000"/>
            </a:schemeClr>
          </a:inn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78441</xdr:colOff>
      <xdr:row>171</xdr:row>
      <xdr:rowOff>493058</xdr:rowOff>
    </xdr:from>
    <xdr:to>
      <xdr:col>8</xdr:col>
      <xdr:colOff>11207</xdr:colOff>
      <xdr:row>176</xdr:row>
      <xdr:rowOff>168088</xdr:rowOff>
    </xdr:to>
    <xdr:sp macro="" textlink="">
      <xdr:nvSpPr>
        <xdr:cNvPr id="184" name="正方形/長方形 183">
          <a:extLst>
            <a:ext uri="{FF2B5EF4-FFF2-40B4-BE49-F238E27FC236}">
              <a16:creationId xmlns:a16="http://schemas.microsoft.com/office/drawing/2014/main" id="{00000000-0008-0000-0000-0000B8000000}"/>
            </a:ext>
          </a:extLst>
        </xdr:cNvPr>
        <xdr:cNvSpPr/>
      </xdr:nvSpPr>
      <xdr:spPr>
        <a:xfrm>
          <a:off x="1311088" y="274420852"/>
          <a:ext cx="3630707" cy="1064560"/>
        </a:xfrm>
        <a:prstGeom prst="rect">
          <a:avLst/>
        </a:prstGeom>
        <a:noFill/>
        <a:ln w="6350" cap="rnd" cmpd="sng" algn="ctr">
          <a:solidFill>
            <a:sysClr val="windowText" lastClr="000000"/>
          </a:solidFill>
          <a:prstDash val="solid"/>
          <a:bevel/>
        </a:ln>
        <a:effectLst>
          <a:innerShdw blurRad="63500" dist="50800" dir="2700000">
            <a:sysClr val="windowText" lastClr="000000">
              <a:lumMod val="50000"/>
              <a:lumOff val="50000"/>
              <a:alpha val="50000"/>
            </a:sysClr>
          </a:innerShdw>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panose="020F0502020204030204"/>
            <a:ea typeface="游ゴシック" panose="020B0400000000000000" pitchFamily="50" charset="-128"/>
            <a:cs typeface="+mn-cs"/>
          </a:endParaRPr>
        </a:p>
      </xdr:txBody>
    </xdr:sp>
    <xdr:clientData/>
  </xdr:twoCellAnchor>
  <xdr:twoCellAnchor>
    <xdr:from>
      <xdr:col>2</xdr:col>
      <xdr:colOff>78441</xdr:colOff>
      <xdr:row>179</xdr:row>
      <xdr:rowOff>11206</xdr:rowOff>
    </xdr:from>
    <xdr:to>
      <xdr:col>8</xdr:col>
      <xdr:colOff>11207</xdr:colOff>
      <xdr:row>185</xdr:row>
      <xdr:rowOff>156882</xdr:rowOff>
    </xdr:to>
    <xdr:sp macro="" textlink="">
      <xdr:nvSpPr>
        <xdr:cNvPr id="185" name="正方形/長方形 184">
          <a:extLst>
            <a:ext uri="{FF2B5EF4-FFF2-40B4-BE49-F238E27FC236}">
              <a16:creationId xmlns:a16="http://schemas.microsoft.com/office/drawing/2014/main" id="{00000000-0008-0000-0000-0000B9000000}"/>
            </a:ext>
          </a:extLst>
        </xdr:cNvPr>
        <xdr:cNvSpPr/>
      </xdr:nvSpPr>
      <xdr:spPr>
        <a:xfrm>
          <a:off x="1311088" y="275989677"/>
          <a:ext cx="3630707" cy="3720352"/>
        </a:xfrm>
        <a:prstGeom prst="rect">
          <a:avLst/>
        </a:prstGeom>
        <a:noFill/>
        <a:ln w="6350" cap="rnd" cmpd="sng" algn="ctr">
          <a:solidFill>
            <a:sysClr val="windowText" lastClr="000000"/>
          </a:solidFill>
          <a:prstDash val="solid"/>
          <a:bevel/>
        </a:ln>
        <a:effectLst>
          <a:innerShdw blurRad="63500" dist="50800" dir="2700000">
            <a:sysClr val="windowText" lastClr="000000">
              <a:lumMod val="50000"/>
              <a:lumOff val="50000"/>
              <a:alpha val="50000"/>
            </a:sysClr>
          </a:innerShdw>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panose="020F0502020204030204"/>
            <a:ea typeface="游ゴシック" panose="020B0400000000000000" pitchFamily="50" charset="-128"/>
            <a:cs typeface="+mn-cs"/>
          </a:endParaRPr>
        </a:p>
      </xdr:txBody>
    </xdr:sp>
    <xdr:clientData/>
  </xdr:twoCellAnchor>
  <xdr:twoCellAnchor>
    <xdr:from>
      <xdr:col>13</xdr:col>
      <xdr:colOff>38100</xdr:colOff>
      <xdr:row>38</xdr:row>
      <xdr:rowOff>166687</xdr:rowOff>
    </xdr:from>
    <xdr:to>
      <xdr:col>14</xdr:col>
      <xdr:colOff>918653</xdr:colOff>
      <xdr:row>42</xdr:row>
      <xdr:rowOff>57150</xdr:rowOff>
    </xdr:to>
    <xdr:sp macro="" textlink="">
      <xdr:nvSpPr>
        <xdr:cNvPr id="10" name="正方形/長方形 9">
          <a:extLst>
            <a:ext uri="{FF2B5EF4-FFF2-40B4-BE49-F238E27FC236}">
              <a16:creationId xmlns:a16="http://schemas.microsoft.com/office/drawing/2014/main" id="{D65CF9E7-1328-4119-B780-90F0CC517BF0}"/>
            </a:ext>
          </a:extLst>
        </xdr:cNvPr>
        <xdr:cNvSpPr/>
      </xdr:nvSpPr>
      <xdr:spPr>
        <a:xfrm>
          <a:off x="7058025" y="31213425"/>
          <a:ext cx="6833678" cy="2019300"/>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特別養護老人ホームにおける繰越金等の取扱い等について（</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H12.3.10</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老発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88</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第２　平成１２年度以降における運用上の取扱い</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２　資金の運用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指定施設サービス等に要する費用の額（以下「施設報酬」という。）は、施設報酬を主たる財源とする施設の運営に要する経</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費など資金の使途については、原則として制限を設けない。ただし、指定介護老人福祉施設は、老人福祉法第２０条の５に規定</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する特別養護老人ホームであることから、指定介護老人福祉施設に帰属する収入を次に掲げる経費に充てることはできな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収益事業に要する経費</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当該特別養護老人ホームを経営する社会福祉法人外ヘの資金の流出（貸付を含む。）に属する経費</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高額な役員報酬など実質的な剰余金の配当と認められる経費</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endParaRPr kumimoji="1" lang="ja-JP" altLang="en-US" sz="90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twoCellAnchor>
    <xdr:from>
      <xdr:col>13</xdr:col>
      <xdr:colOff>38100</xdr:colOff>
      <xdr:row>45</xdr:row>
      <xdr:rowOff>80964</xdr:rowOff>
    </xdr:from>
    <xdr:to>
      <xdr:col>14</xdr:col>
      <xdr:colOff>918653</xdr:colOff>
      <xdr:row>47</xdr:row>
      <xdr:rowOff>538163</xdr:rowOff>
    </xdr:to>
    <xdr:sp macro="" textlink="">
      <xdr:nvSpPr>
        <xdr:cNvPr id="11" name="正方形/長方形 10">
          <a:extLst>
            <a:ext uri="{FF2B5EF4-FFF2-40B4-BE49-F238E27FC236}">
              <a16:creationId xmlns:a16="http://schemas.microsoft.com/office/drawing/2014/main" id="{5713BF42-A2C1-4833-AFC6-C6B154D52C10}"/>
            </a:ext>
          </a:extLst>
        </xdr:cNvPr>
        <xdr:cNvSpPr/>
      </xdr:nvSpPr>
      <xdr:spPr>
        <a:xfrm>
          <a:off x="7058025" y="34294764"/>
          <a:ext cx="6833678" cy="2805112"/>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特別養護老人ホームにおける繰越金等の取扱い等について（</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H12.3.10</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老発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88</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第２　平成１２年度以降における運用上の取扱い</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３　運用上の留意事項について</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資金の繰入れ</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施設報酬を主たる財源とする資金の繰入れについては、健全な施設運営を確保する観点から、当該指定介護老人福祉施設の</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事業活動資金収支差額に資金残高が生じ、かつ、当期資金収支差額合計に資金不足が生じない範囲内において、他の社会福祉</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事業等又は公益事業ヘ資金を繰り入れても差し支えな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当該法人が行う当該指定介護老人福祉施設以外の介護保険法第２３条に規定する居宅サービス等（注）の事業ヘの資</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金の繰入れについては、当期末支払資金残高に資金不足が生じない範囲内において、資金を繰り入れても、差し支えな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注）介護保険法第２３条に規定する居宅サービス等の事業</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居宅サービス</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地域密着型サービス</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居宅介護支援</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施設サービス</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介護予防サービス</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地域密着型介護予防サービス</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介護予防支援</a:t>
          </a:r>
        </a:p>
        <a:p>
          <a:pPr marL="0" marR="0" lvl="0" indent="0" algn="l" defTabSz="914400" eaLnBrk="1" fontAlgn="auto" latinLnBrk="0" hangingPunct="1">
            <a:lnSpc>
              <a:spcPts val="1000"/>
            </a:lnSpc>
            <a:spcBef>
              <a:spcPts val="0"/>
            </a:spcBef>
            <a:spcAft>
              <a:spcPts val="0"/>
            </a:spcAft>
            <a:buClrTx/>
            <a:buSzTx/>
            <a:buFontTx/>
            <a:buNone/>
            <a:tabLst/>
            <a:defRPr/>
          </a:pP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p>
      </xdr:txBody>
    </xdr:sp>
    <xdr:clientData/>
  </xdr:twoCellAnchor>
  <xdr:twoCellAnchor>
    <xdr:from>
      <xdr:col>13</xdr:col>
      <xdr:colOff>71436</xdr:colOff>
      <xdr:row>49</xdr:row>
      <xdr:rowOff>14287</xdr:rowOff>
    </xdr:from>
    <xdr:to>
      <xdr:col>14</xdr:col>
      <xdr:colOff>942975</xdr:colOff>
      <xdr:row>54</xdr:row>
      <xdr:rowOff>171450</xdr:rowOff>
    </xdr:to>
    <xdr:sp macro="" textlink="">
      <xdr:nvSpPr>
        <xdr:cNvPr id="15" name="正方形/長方形 14">
          <a:extLst>
            <a:ext uri="{FF2B5EF4-FFF2-40B4-BE49-F238E27FC236}">
              <a16:creationId xmlns:a16="http://schemas.microsoft.com/office/drawing/2014/main" id="{1C0C3815-70C3-45B8-8701-2513B3ACA22D}"/>
            </a:ext>
          </a:extLst>
        </xdr:cNvPr>
        <xdr:cNvSpPr/>
      </xdr:nvSpPr>
      <xdr:spPr>
        <a:xfrm>
          <a:off x="7091361" y="38528625"/>
          <a:ext cx="6824664" cy="2952750"/>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特別養護老人ホームにおける繰越金等の取扱い等について（</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H12.3.10</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老発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88</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第２　平成１２年度以降における運用上の取扱い</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２　資金の運用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指定施設サービス等に要する費用の額（以下「施設報酬」という。）は、施設報酬を主たる財源とする施設の運営に要する</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経費など資金の使途については、原則として制限を設けない。ただし、指定介護老人福祉施設は、老人福祉法第２０条の５に</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規定する特別養護老人ホームであることから、指定介護老人福祉施設に帰属する収入を次に掲げる経費に充てることはできな</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当該特別養護老人ホームを経営する社会福祉法人外ヘの資金の流出（貸付を含む。）に属する経費</a:t>
          </a:r>
        </a:p>
        <a:p>
          <a:pPr marL="0" marR="0" lvl="0" indent="0" algn="l" defTabSz="914400" eaLnBrk="1" fontAlgn="auto" latinLnBrk="0" hangingPunct="1">
            <a:lnSpc>
              <a:spcPts val="1000"/>
            </a:lnSpc>
            <a:spcBef>
              <a:spcPts val="0"/>
            </a:spcBef>
            <a:spcAft>
              <a:spcPts val="0"/>
            </a:spcAft>
            <a:buClrTx/>
            <a:buSzTx/>
            <a:buFontTx/>
            <a:buNone/>
            <a:tabLst/>
            <a:defRPr/>
          </a:pP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３　運用上の留意事項について</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資金の繰替使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施設報酬を主たる財源とする資金を他の社会福祉事業等又は公益事業若しくは収益事業ヘ一時繰替使用することは、差し</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支えない。ただし、当該法人が行う当該指定介護老人福祉施設以外の介護保険法第２３条に規定する居宅サービス等の事業</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ヘ繰替使用した場合を除き、繰替えて使用した資金は、当該年度内に補てんしなければならな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役員等の報酬</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施設報酬を主たる財源とする法人役員及び評議員の報酬について、その報酬が当該社会福祉法人の収支の状況からみて</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あまり多額になると、実質的配当とみなされ、国民の信頼と期待を損なうおそれがある。</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社会福祉法人は、きわめて公共性の高い法人であることから、このような法人に属する役員等の報酬が、社会的批判を</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受けるような高額又は多額なものであってはならな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13</xdr:col>
      <xdr:colOff>5602941</xdr:colOff>
      <xdr:row>57</xdr:row>
      <xdr:rowOff>1176618</xdr:rowOff>
    </xdr:from>
    <xdr:ext cx="184731" cy="264560"/>
    <xdr:sp macro="" textlink="">
      <xdr:nvSpPr>
        <xdr:cNvPr id="18" name="テキスト ボックス 17">
          <a:extLst>
            <a:ext uri="{FF2B5EF4-FFF2-40B4-BE49-F238E27FC236}">
              <a16:creationId xmlns:a16="http://schemas.microsoft.com/office/drawing/2014/main" id="{5C4B6CB8-9E85-4411-BBC9-5EF662C54C95}"/>
            </a:ext>
          </a:extLst>
        </xdr:cNvPr>
        <xdr:cNvSpPr txBox="1"/>
      </xdr:nvSpPr>
      <xdr:spPr>
        <a:xfrm>
          <a:off x="12622866" y="31647093"/>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oneCellAnchor>
    <xdr:from>
      <xdr:col>13</xdr:col>
      <xdr:colOff>1893794</xdr:colOff>
      <xdr:row>61</xdr:row>
      <xdr:rowOff>212912</xdr:rowOff>
    </xdr:from>
    <xdr:ext cx="184731" cy="264560"/>
    <xdr:sp macro="" textlink="">
      <xdr:nvSpPr>
        <xdr:cNvPr id="19" name="テキスト ボックス 18">
          <a:extLst>
            <a:ext uri="{FF2B5EF4-FFF2-40B4-BE49-F238E27FC236}">
              <a16:creationId xmlns:a16="http://schemas.microsoft.com/office/drawing/2014/main" id="{85A48A35-91CD-4FCC-89D3-2C78BAD11C50}"/>
            </a:ext>
          </a:extLst>
        </xdr:cNvPr>
        <xdr:cNvSpPr txBox="1"/>
      </xdr:nvSpPr>
      <xdr:spPr>
        <a:xfrm>
          <a:off x="8913719" y="33274187"/>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twoCellAnchor>
    <xdr:from>
      <xdr:col>13</xdr:col>
      <xdr:colOff>28575</xdr:colOff>
      <xdr:row>57</xdr:row>
      <xdr:rowOff>42861</xdr:rowOff>
    </xdr:from>
    <xdr:to>
      <xdr:col>14</xdr:col>
      <xdr:colOff>909128</xdr:colOff>
      <xdr:row>60</xdr:row>
      <xdr:rowOff>614363</xdr:rowOff>
    </xdr:to>
    <xdr:sp macro="" textlink="">
      <xdr:nvSpPr>
        <xdr:cNvPr id="27" name="正方形/長方形 26">
          <a:extLst>
            <a:ext uri="{FF2B5EF4-FFF2-40B4-BE49-F238E27FC236}">
              <a16:creationId xmlns:a16="http://schemas.microsoft.com/office/drawing/2014/main" id="{7079A1E4-75D6-4175-84E9-75C6FBAC65EE}"/>
            </a:ext>
          </a:extLst>
        </xdr:cNvPr>
        <xdr:cNvSpPr/>
      </xdr:nvSpPr>
      <xdr:spPr>
        <a:xfrm>
          <a:off x="7048500" y="42352911"/>
          <a:ext cx="6833678" cy="2047877"/>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障害者自立支援法の施行に伴う移行時特別積立金等の取扱いについて（</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H18.10.18</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障発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01800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a:t>
          </a:r>
        </a:p>
        <a:p>
          <a:pPr marL="0" marR="0" lvl="0" indent="0" algn="l" defTabSz="914400" eaLnBrk="1" fontAlgn="auto" latinLnBrk="0" hangingPunct="1">
            <a:lnSpc>
              <a:spcPts val="1000"/>
            </a:lnSpc>
            <a:spcBef>
              <a:spcPts val="0"/>
            </a:spcBef>
            <a:spcAft>
              <a:spcPts val="0"/>
            </a:spcAft>
            <a:buClrTx/>
            <a:buSzTx/>
            <a:buFontTx/>
            <a:buNone/>
            <a:tabLst/>
            <a:defRPr/>
          </a:pP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第２　平成</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8</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月以降における運用上の取扱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２　資金の運用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指定障害者施設支援等に支給される自立支援給付費（自立支援医療費を除く。以下同じ。）は、支援費と同様、指定障害福祉</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サービス等を利用者に提供した対価として自立支援給付費を得ることとなるので、これを主たる財源とする施設等の運営に要す</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る経費などの資金の使途については、原則として制限を設けない。ただし、指定障害者支援施設等は障害者自立支援法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5 </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条に</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規定する事業を行う施設等であることから、当該指定障害者支援施設等に帰属する収入を次に掲げる経費に充てることはできな</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当該指定障害者支援施設等を経営する社会福祉法人が行う社会福祉法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6</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条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項に規定する収益事業に要する経費</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当該指定障害者支援施設等を経営する社会福祉法人外への資金の流出（貸付を含む。）に属する経費。ただし、欠損金を補</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填する場合を除く。</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役員報酬など実質的な剰余金の配当と認められる経費</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endParaRPr kumimoji="1" lang="ja-JP" altLang="en-US" sz="90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twoCellAnchor>
    <xdr:from>
      <xdr:col>13</xdr:col>
      <xdr:colOff>95252</xdr:colOff>
      <xdr:row>62</xdr:row>
      <xdr:rowOff>233364</xdr:rowOff>
    </xdr:from>
    <xdr:to>
      <xdr:col>14</xdr:col>
      <xdr:colOff>961541</xdr:colOff>
      <xdr:row>65</xdr:row>
      <xdr:rowOff>352427</xdr:rowOff>
    </xdr:to>
    <xdr:sp macro="" textlink="">
      <xdr:nvSpPr>
        <xdr:cNvPr id="32" name="正方形/長方形 31">
          <a:extLst>
            <a:ext uri="{FF2B5EF4-FFF2-40B4-BE49-F238E27FC236}">
              <a16:creationId xmlns:a16="http://schemas.microsoft.com/office/drawing/2014/main" id="{0DE4EE60-861B-484B-97EC-A220807F8B01}"/>
            </a:ext>
          </a:extLst>
        </xdr:cNvPr>
        <xdr:cNvSpPr/>
      </xdr:nvSpPr>
      <xdr:spPr>
        <a:xfrm>
          <a:off x="7115177" y="44691302"/>
          <a:ext cx="6819414" cy="1676400"/>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障害者自立支援法の施行に伴う移行時特別積立金等の取扱いについて（</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H18.10.18</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障発第</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01800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号）</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第２　平成</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8</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年</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0</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月以降における運用上の取扱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３　運用上の留意事項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1)</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資金の繰入れ</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自立支援給付費を主たる財源とする資金の繰入れについては、健全な施設運営を確保する観点から、当該指定障害者支援施</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設等の経常活動資金収支差額に資金残高が生じ、かつ、当期資金収支差額合計に資金不足が生じない範囲内において、他の社</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会福祉事業等又は公益事業へ資金を繰り入れても差し支えな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当該法人が行う当該指定障害者支援施設等以外の指定障害者支援施設等への資金の繰入については、当期末支払資金</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残高に資金不足が生じない範囲内において、資金を繰り入れても差し支えない。</a:t>
          </a:r>
        </a:p>
      </xdr:txBody>
    </xdr:sp>
    <xdr:clientData/>
  </xdr:twoCellAnchor>
  <xdr:twoCellAnchor>
    <xdr:from>
      <xdr:col>13</xdr:col>
      <xdr:colOff>76199</xdr:colOff>
      <xdr:row>67</xdr:row>
      <xdr:rowOff>981074</xdr:rowOff>
    </xdr:from>
    <xdr:to>
      <xdr:col>14</xdr:col>
      <xdr:colOff>971549</xdr:colOff>
      <xdr:row>72</xdr:row>
      <xdr:rowOff>271460</xdr:rowOff>
    </xdr:to>
    <xdr:sp macro="" textlink="">
      <xdr:nvSpPr>
        <xdr:cNvPr id="33" name="正方形/長方形 32">
          <a:extLst>
            <a:ext uri="{FF2B5EF4-FFF2-40B4-BE49-F238E27FC236}">
              <a16:creationId xmlns:a16="http://schemas.microsoft.com/office/drawing/2014/main" id="{8A5DBC3D-C3BC-4227-BF0F-D0B6695F4FFB}"/>
            </a:ext>
          </a:extLst>
        </xdr:cNvPr>
        <xdr:cNvSpPr/>
      </xdr:nvSpPr>
      <xdr:spPr>
        <a:xfrm>
          <a:off x="7096124" y="49339499"/>
          <a:ext cx="6848475" cy="3305174"/>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障害者自立支援法の施行に伴う移行時特別積立金等の取扱いについて（</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H18.10.18</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障発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018003</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号）</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第２　平成</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8</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年</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10</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月以降における運用上の取扱い</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２　資金の運用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指定障害者施設支援等に支給される自立支援給付費（自立支援医療費を除く。以下同じ。）は、支援費と同様、指定障害福</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祉サービス等を利用者に提供した対価として自立支援給付費を得ることとなるので、これを主たる財源とする施設等の運営に</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要する経費などの資金の使途については、原則として制限を設けない。</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ただし、指定障害者支援施設等は障害者自立支援法第</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5</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条に規定する事業を行う施設等であることから、当該指定障害者支援</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施設等に帰属する収入を次に掲げる経費に充てることはできない。</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a:t>
          </a:r>
          <a:r>
            <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2)</a:t>
          </a: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当該指定障害者支援施設等を経営する社会福祉法人外への資金の流出（貸付を含む。）に属する経費。ただし、欠損金を</a:t>
          </a:r>
          <a:endParaRPr kumimoji="1" lang="en-US" altLang="ja-JP"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補填する場合を除く。</a:t>
          </a:r>
        </a:p>
        <a:p>
          <a:pPr marL="0" marR="0" lvl="0" indent="0" algn="l" defTabSz="914400" eaLnBrk="1" fontAlgn="auto" latinLnBrk="0" hangingPunct="1">
            <a:lnSpc>
              <a:spcPts val="1000"/>
            </a:lnSpc>
            <a:spcBef>
              <a:spcPts val="0"/>
            </a:spcBef>
            <a:spcAft>
              <a:spcPts val="0"/>
            </a:spcAft>
            <a:buClrTx/>
            <a:buSzTx/>
            <a:buFontTx/>
            <a:buNone/>
            <a:tabLst/>
            <a:defRPr/>
          </a:pPr>
          <a:endPar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rPr>
            <a:t>　３　運用上の留意事項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資金の繰替使用</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自立支援給付費を主たる財源とする資金を他の社会福祉事業等又は公益事業若しくは収益事業へ一時繰替使用することは、</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差し支えない。ただし、繰替えて使用した資金は、当該年度内に補てんしなければならない。</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a:t>
          </a: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3)</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役員等の報酬</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自立支援給付費を主たる財源とする法人役員及び評議員の報酬について、その役員報酬が当該社会福祉法人の収支の状況</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からみてあまり多額になると、実質的配当とみなされ、国民の信頼と期待を損なうおそれがある。</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社会福祉法人は、きわめて公共性の高い法人であることから、この様な法人に属する役員等の報酬が、社会的批判を受け</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るような高額又は多額なものであってはならない。</a:t>
          </a:r>
        </a:p>
        <a:p>
          <a:pPr marL="0" marR="0" lvl="0" indent="0" algn="l" defTabSz="914400" eaLnBrk="1" fontAlgn="auto" latinLnBrk="0" hangingPunct="1">
            <a:lnSpc>
              <a:spcPts val="1000"/>
            </a:lnSpc>
            <a:spcBef>
              <a:spcPts val="0"/>
            </a:spcBef>
            <a:spcAft>
              <a:spcPts val="0"/>
            </a:spcAft>
            <a:buClrTx/>
            <a:buSzTx/>
            <a:buFontTx/>
            <a:buNone/>
            <a:tabLst/>
            <a:defRPr/>
          </a:pPr>
          <a:endParaRPr kumimoji="1" lang="ja-JP" altLang="en-US" sz="90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twoCellAnchor>
    <xdr:from>
      <xdr:col>13</xdr:col>
      <xdr:colOff>66675</xdr:colOff>
      <xdr:row>156</xdr:row>
      <xdr:rowOff>57149</xdr:rowOff>
    </xdr:from>
    <xdr:to>
      <xdr:col>13</xdr:col>
      <xdr:colOff>5916146</xdr:colOff>
      <xdr:row>157</xdr:row>
      <xdr:rowOff>576263</xdr:rowOff>
    </xdr:to>
    <xdr:sp macro="" textlink="">
      <xdr:nvSpPr>
        <xdr:cNvPr id="8" name="正方形/長方形 7">
          <a:extLst>
            <a:ext uri="{FF2B5EF4-FFF2-40B4-BE49-F238E27FC236}">
              <a16:creationId xmlns:a16="http://schemas.microsoft.com/office/drawing/2014/main" id="{C50F05C4-F3D9-4F6B-B13B-AA589680DF03}"/>
            </a:ext>
          </a:extLst>
        </xdr:cNvPr>
        <xdr:cNvSpPr/>
      </xdr:nvSpPr>
      <xdr:spPr>
        <a:xfrm>
          <a:off x="7086600" y="95607187"/>
          <a:ext cx="5849471" cy="800101"/>
        </a:xfrm>
        <a:prstGeom prst="rect">
          <a:avLst/>
        </a:prstGeom>
        <a:solidFill>
          <a:sysClr val="window" lastClr="FFFFFF"/>
        </a:solidFill>
        <a:ln w="6350" cap="flat" cmpd="sng" algn="ctr">
          <a:solidFill>
            <a:sysClr val="windowText" lastClr="000000"/>
          </a:solidFill>
          <a:prstDash val="solid"/>
          <a:miter lim="800000"/>
        </a:ln>
        <a:effectLst/>
      </xdr:spPr>
      <xdr:txBody>
        <a:bodyPr vertOverflow="clip" horzOverflow="clip" wrap="none" lIns="36000" tIns="36000" rIns="36000" bIns="36000" rtlCol="0" anchor="t"/>
        <a:lstStyle/>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弾力運用局長通知５（運営費等の管理・運用について）</a:t>
          </a: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mn-lt"/>
              <a:ea typeface="+mn-ea"/>
              <a:cs typeface="+mn-cs"/>
            </a:rPr>
            <a:t>(2)</a:t>
          </a: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委託費の同一法人内における各サービス区分、各拠点区分及び各事業区分への資金の貸借については、当該</a:t>
          </a:r>
          <a:endParaRPr kumimoji="1" lang="en-US" altLang="ja-JP" sz="9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法人の経営上やむを得ない場合に、当該年度内に限って認められるものであること。 </a:t>
          </a: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mn-lt"/>
              <a:ea typeface="+mn-ea"/>
              <a:cs typeface="+mn-cs"/>
            </a:rPr>
            <a:t>　　なお、同一法人内における各サービス区分、各拠点区分及び各事業以外への貸付けは一切認められないこと。 </a:t>
          </a:r>
        </a:p>
      </xdr:txBody>
    </xdr:sp>
    <xdr:clientData/>
  </xdr:twoCellAnchor>
  <xdr:twoCellAnchor editAs="oneCell">
    <xdr:from>
      <xdr:col>0</xdr:col>
      <xdr:colOff>0</xdr:colOff>
      <xdr:row>0</xdr:row>
      <xdr:rowOff>0</xdr:rowOff>
    </xdr:from>
    <xdr:to>
      <xdr:col>12</xdr:col>
      <xdr:colOff>300038</xdr:colOff>
      <xdr:row>5</xdr:row>
      <xdr:rowOff>166687</xdr:rowOff>
    </xdr:to>
    <xdr:sp macro="" textlink="">
      <xdr:nvSpPr>
        <xdr:cNvPr id="19864" name="AutoShape 6552">
          <a:extLst>
            <a:ext uri="{FF2B5EF4-FFF2-40B4-BE49-F238E27FC236}">
              <a16:creationId xmlns:a16="http://schemas.microsoft.com/office/drawing/2014/main" id="{B1C65588-778D-CF3D-2BE9-CE3B5D0CA506}"/>
            </a:ext>
          </a:extLst>
        </xdr:cNvPr>
        <xdr:cNvSpPr>
          <a:spLocks noChangeAspect="1" noChangeArrowheads="1"/>
        </xdr:cNvSpPr>
      </xdr:nvSpPr>
      <xdr:spPr bwMode="auto">
        <a:xfrm>
          <a:off x="0" y="9696450"/>
          <a:ext cx="6272213" cy="1285875"/>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76201</xdr:colOff>
      <xdr:row>128</xdr:row>
      <xdr:rowOff>66675</xdr:rowOff>
    </xdr:from>
    <xdr:to>
      <xdr:col>8</xdr:col>
      <xdr:colOff>557212</xdr:colOff>
      <xdr:row>157</xdr:row>
      <xdr:rowOff>90220</xdr:rowOff>
    </xdr:to>
    <xdr:pic>
      <xdr:nvPicPr>
        <xdr:cNvPr id="2" name="図 1">
          <a:extLst>
            <a:ext uri="{FF2B5EF4-FFF2-40B4-BE49-F238E27FC236}">
              <a16:creationId xmlns:a16="http://schemas.microsoft.com/office/drawing/2014/main" id="{24C06F69-98A2-4C86-A539-A576825707CF}"/>
            </a:ext>
          </a:extLst>
        </xdr:cNvPr>
        <xdr:cNvPicPr>
          <a:picLocks noChangeAspect="1"/>
        </xdr:cNvPicPr>
      </xdr:nvPicPr>
      <xdr:blipFill>
        <a:blip xmlns:r="http://schemas.openxmlformats.org/officeDocument/2006/relationships" r:embed="rId1"/>
        <a:stretch>
          <a:fillRect/>
        </a:stretch>
      </xdr:blipFill>
      <xdr:spPr>
        <a:xfrm>
          <a:off x="76201" y="29317950"/>
          <a:ext cx="6196011" cy="4719370"/>
        </a:xfrm>
        <a:prstGeom prst="rect">
          <a:avLst/>
        </a:prstGeom>
      </xdr:spPr>
    </xdr:pic>
    <xdr:clientData/>
  </xdr:twoCellAnchor>
  <xdr:twoCellAnchor editAs="oneCell">
    <xdr:from>
      <xdr:col>0</xdr:col>
      <xdr:colOff>0</xdr:colOff>
      <xdr:row>82</xdr:row>
      <xdr:rowOff>0</xdr:rowOff>
    </xdr:from>
    <xdr:to>
      <xdr:col>8</xdr:col>
      <xdr:colOff>557213</xdr:colOff>
      <xdr:row>88</xdr:row>
      <xdr:rowOff>85725</xdr:rowOff>
    </xdr:to>
    <xdr:sp macro="" textlink="">
      <xdr:nvSpPr>
        <xdr:cNvPr id="3" name="AutoShape 6552">
          <a:extLst>
            <a:ext uri="{FF2B5EF4-FFF2-40B4-BE49-F238E27FC236}">
              <a16:creationId xmlns:a16="http://schemas.microsoft.com/office/drawing/2014/main" id="{710F4F51-C063-4A97-B92D-AAC694842AA7}"/>
            </a:ext>
          </a:extLst>
        </xdr:cNvPr>
        <xdr:cNvSpPr>
          <a:spLocks noChangeAspect="1" noChangeArrowheads="1"/>
        </xdr:cNvSpPr>
      </xdr:nvSpPr>
      <xdr:spPr bwMode="auto">
        <a:xfrm>
          <a:off x="0" y="0"/>
          <a:ext cx="6272213" cy="1285875"/>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5" tint="0.59999389629810485"/>
  </sheetPr>
  <dimension ref="A1:O298"/>
  <sheetViews>
    <sheetView tabSelected="1" view="pageBreakPreview" zoomScaleNormal="100" zoomScaleSheetLayoutView="100" workbookViewId="0">
      <selection activeCell="E9" sqref="E9"/>
    </sheetView>
  </sheetViews>
  <sheetFormatPr defaultRowHeight="17.649999999999999"/>
  <cols>
    <col min="1" max="1" width="15" customWidth="1"/>
    <col min="2" max="2" width="1.125" customWidth="1"/>
    <col min="3" max="8" width="8.125" customWidth="1"/>
    <col min="9" max="9" width="1.875" customWidth="1"/>
    <col min="10" max="12" width="3.875" customWidth="1"/>
    <col min="13" max="13" width="13.75" customWidth="1"/>
    <col min="14" max="14" width="78.125" customWidth="1"/>
    <col min="15" max="15" width="13.75" customWidth="1"/>
  </cols>
  <sheetData>
    <row r="1" spans="9:12">
      <c r="I1" s="3"/>
      <c r="J1" s="2"/>
      <c r="K1" s="1"/>
      <c r="L1" s="1"/>
    </row>
    <row r="2" spans="9:12">
      <c r="I2" s="3"/>
      <c r="J2" s="2"/>
      <c r="K2" s="1"/>
      <c r="L2" s="1"/>
    </row>
    <row r="36" spans="1:15" s="4" customFormat="1" ht="17.25" customHeight="1">
      <c r="A36" s="290" t="s">
        <v>70</v>
      </c>
      <c r="B36" s="290" t="s">
        <v>69</v>
      </c>
      <c r="C36" s="290"/>
      <c r="D36" s="290"/>
      <c r="E36" s="290"/>
      <c r="F36" s="290"/>
      <c r="G36" s="290"/>
      <c r="H36" s="290"/>
      <c r="I36" s="290"/>
      <c r="J36" s="287" t="s">
        <v>0</v>
      </c>
      <c r="K36" s="288"/>
      <c r="L36" s="289"/>
      <c r="M36" s="285" t="s">
        <v>71</v>
      </c>
      <c r="N36" s="284" t="s">
        <v>1</v>
      </c>
      <c r="O36" s="284" t="s">
        <v>137</v>
      </c>
    </row>
    <row r="37" spans="1:15" s="4" customFormat="1" ht="30" customHeight="1">
      <c r="A37" s="291"/>
      <c r="B37" s="291"/>
      <c r="C37" s="291"/>
      <c r="D37" s="291"/>
      <c r="E37" s="291"/>
      <c r="F37" s="291"/>
      <c r="G37" s="291"/>
      <c r="H37" s="291"/>
      <c r="I37" s="291"/>
      <c r="J37" s="23" t="s">
        <v>201</v>
      </c>
      <c r="K37" s="23" t="s">
        <v>202</v>
      </c>
      <c r="L37" s="23" t="s">
        <v>22</v>
      </c>
      <c r="M37" s="286"/>
      <c r="N37" s="284"/>
      <c r="O37" s="284"/>
    </row>
    <row r="38" spans="1:15" s="4" customFormat="1" ht="18.75" customHeight="1">
      <c r="A38" s="292" t="s">
        <v>200</v>
      </c>
      <c r="B38" s="293"/>
      <c r="C38" s="293"/>
      <c r="D38" s="293"/>
      <c r="E38" s="293"/>
      <c r="F38" s="293"/>
      <c r="G38" s="293"/>
      <c r="H38" s="293"/>
      <c r="I38" s="293"/>
      <c r="J38" s="293"/>
      <c r="K38" s="293"/>
      <c r="L38" s="293"/>
      <c r="M38" s="294"/>
      <c r="N38" s="195"/>
      <c r="O38" s="196"/>
    </row>
    <row r="39" spans="1:15" ht="47.25" customHeight="1">
      <c r="A39" s="297" t="s">
        <v>228</v>
      </c>
      <c r="B39" s="255" t="s">
        <v>229</v>
      </c>
      <c r="C39" s="256"/>
      <c r="D39" s="256"/>
      <c r="E39" s="256"/>
      <c r="F39" s="256"/>
      <c r="G39" s="256"/>
      <c r="H39" s="256"/>
      <c r="I39" s="257"/>
      <c r="J39" s="65" t="s">
        <v>185</v>
      </c>
      <c r="K39" s="65" t="s">
        <v>21</v>
      </c>
      <c r="L39" s="65"/>
      <c r="M39" s="15"/>
      <c r="N39" s="299"/>
      <c r="O39" s="295"/>
    </row>
    <row r="40" spans="1:15" ht="12.75" customHeight="1">
      <c r="A40" s="298"/>
      <c r="B40" s="211"/>
      <c r="C40" s="212"/>
      <c r="D40" s="212"/>
      <c r="E40" s="212"/>
      <c r="F40" s="212"/>
      <c r="G40" s="212"/>
      <c r="H40" s="212"/>
      <c r="I40" s="213"/>
      <c r="J40" s="67"/>
      <c r="K40" s="67"/>
      <c r="L40" s="67"/>
      <c r="M40" s="20"/>
      <c r="N40" s="300"/>
      <c r="O40" s="296"/>
    </row>
    <row r="41" spans="1:15" ht="56.25" customHeight="1">
      <c r="A41" s="19"/>
      <c r="B41" s="211" t="s">
        <v>230</v>
      </c>
      <c r="C41" s="212"/>
      <c r="D41" s="212"/>
      <c r="E41" s="212"/>
      <c r="F41" s="212"/>
      <c r="G41" s="212"/>
      <c r="H41" s="212"/>
      <c r="I41" s="213"/>
      <c r="J41" s="67" t="s">
        <v>21</v>
      </c>
      <c r="K41" s="67" t="s">
        <v>178</v>
      </c>
      <c r="L41" s="67"/>
      <c r="M41" s="17"/>
      <c r="N41" s="13"/>
      <c r="O41" s="20"/>
    </row>
    <row r="42" spans="1:15" ht="51.4" customHeight="1">
      <c r="A42" s="19"/>
      <c r="B42" s="211" t="s">
        <v>231</v>
      </c>
      <c r="C42" s="212"/>
      <c r="D42" s="212"/>
      <c r="E42" s="212"/>
      <c r="F42" s="212"/>
      <c r="G42" s="212"/>
      <c r="H42" s="212"/>
      <c r="I42" s="213"/>
      <c r="J42" s="67" t="s">
        <v>21</v>
      </c>
      <c r="K42" s="67" t="s">
        <v>21</v>
      </c>
      <c r="L42" s="67"/>
      <c r="M42" s="17"/>
      <c r="N42" s="13"/>
      <c r="O42" s="20"/>
    </row>
    <row r="43" spans="1:15" ht="7.9" customHeight="1">
      <c r="A43" s="10"/>
      <c r="B43" s="217"/>
      <c r="C43" s="218"/>
      <c r="D43" s="218"/>
      <c r="E43" s="218"/>
      <c r="F43" s="218"/>
      <c r="G43" s="218"/>
      <c r="H43" s="218"/>
      <c r="I43" s="219"/>
      <c r="J43" s="66"/>
      <c r="K43" s="66"/>
      <c r="L43" s="66"/>
      <c r="M43" s="34"/>
      <c r="N43" s="12"/>
      <c r="O43" s="10"/>
    </row>
    <row r="44" spans="1:15" ht="48.75" customHeight="1">
      <c r="A44" s="324" t="s">
        <v>203</v>
      </c>
      <c r="B44" s="214" t="s">
        <v>232</v>
      </c>
      <c r="C44" s="215"/>
      <c r="D44" s="215"/>
      <c r="E44" s="215"/>
      <c r="F44" s="215"/>
      <c r="G44" s="215"/>
      <c r="H44" s="215"/>
      <c r="I44" s="216"/>
      <c r="J44" s="96" t="s">
        <v>204</v>
      </c>
      <c r="K44" s="96"/>
      <c r="L44" s="96" t="s">
        <v>205</v>
      </c>
      <c r="M44" s="253" t="s">
        <v>261</v>
      </c>
      <c r="N44" s="11"/>
      <c r="O44" s="11"/>
    </row>
    <row r="45" spans="1:15" ht="25.15" customHeight="1">
      <c r="A45" s="325"/>
      <c r="B45" s="49"/>
      <c r="C45" s="326" t="s">
        <v>233</v>
      </c>
      <c r="D45" s="326"/>
      <c r="E45" s="326"/>
      <c r="F45" s="326"/>
      <c r="G45" s="326"/>
      <c r="H45" s="326"/>
      <c r="I45" s="327"/>
      <c r="J45" s="95"/>
      <c r="K45" s="95"/>
      <c r="L45" s="95"/>
      <c r="M45" s="254"/>
      <c r="N45" s="13"/>
      <c r="O45" s="13"/>
    </row>
    <row r="46" spans="1:15" ht="48.75" customHeight="1">
      <c r="A46" s="325"/>
      <c r="B46" s="203" t="s">
        <v>212</v>
      </c>
      <c r="C46" s="204"/>
      <c r="D46" s="204"/>
      <c r="E46" s="204"/>
      <c r="F46" s="204"/>
      <c r="G46" s="204"/>
      <c r="H46" s="204"/>
      <c r="I46" s="205"/>
      <c r="J46" s="95" t="s">
        <v>204</v>
      </c>
      <c r="K46" s="95"/>
      <c r="L46" s="95" t="s">
        <v>205</v>
      </c>
      <c r="M46" s="254"/>
      <c r="N46" s="13"/>
      <c r="O46" s="13"/>
    </row>
    <row r="47" spans="1:15" ht="136.15" customHeight="1">
      <c r="A47" s="13"/>
      <c r="B47" s="203" t="s">
        <v>207</v>
      </c>
      <c r="C47" s="204"/>
      <c r="D47" s="204"/>
      <c r="E47" s="204"/>
      <c r="F47" s="204"/>
      <c r="G47" s="204"/>
      <c r="H47" s="204"/>
      <c r="I47" s="205"/>
      <c r="J47" s="97" t="s">
        <v>235</v>
      </c>
      <c r="K47" s="97" t="s">
        <v>235</v>
      </c>
      <c r="L47" s="67"/>
      <c r="M47" s="254"/>
      <c r="N47" s="325"/>
      <c r="O47" s="13"/>
    </row>
    <row r="48" spans="1:15" ht="48.4" customHeight="1">
      <c r="A48" s="13"/>
      <c r="B48" s="203" t="s">
        <v>206</v>
      </c>
      <c r="C48" s="204"/>
      <c r="D48" s="204"/>
      <c r="E48" s="204"/>
      <c r="F48" s="204"/>
      <c r="G48" s="204"/>
      <c r="H48" s="204"/>
      <c r="I48" s="205"/>
      <c r="J48" s="95" t="s">
        <v>204</v>
      </c>
      <c r="K48" s="95"/>
      <c r="L48" s="95" t="s">
        <v>205</v>
      </c>
      <c r="M48" s="254"/>
      <c r="N48" s="325"/>
      <c r="O48" s="13"/>
    </row>
    <row r="49" spans="1:15" ht="105.4" customHeight="1">
      <c r="A49" s="13"/>
      <c r="B49" s="203" t="s">
        <v>208</v>
      </c>
      <c r="C49" s="204"/>
      <c r="D49" s="204"/>
      <c r="E49" s="204"/>
      <c r="F49" s="204"/>
      <c r="G49" s="204"/>
      <c r="H49" s="204"/>
      <c r="I49" s="205"/>
      <c r="J49" s="116" t="s">
        <v>234</v>
      </c>
      <c r="K49" s="116" t="s">
        <v>234</v>
      </c>
      <c r="L49" s="66"/>
      <c r="M49" s="328"/>
      <c r="N49" s="325"/>
      <c r="O49" s="13"/>
    </row>
    <row r="50" spans="1:15" ht="52.9" customHeight="1">
      <c r="A50" s="253" t="s">
        <v>239</v>
      </c>
      <c r="B50" s="214" t="s">
        <v>241</v>
      </c>
      <c r="C50" s="215"/>
      <c r="D50" s="215"/>
      <c r="E50" s="215"/>
      <c r="F50" s="215"/>
      <c r="G50" s="215"/>
      <c r="H50" s="215"/>
      <c r="I50" s="216"/>
      <c r="J50" s="95" t="s">
        <v>204</v>
      </c>
      <c r="K50" s="95"/>
      <c r="L50" s="95" t="s">
        <v>205</v>
      </c>
      <c r="M50" s="209" t="s">
        <v>262</v>
      </c>
      <c r="N50" s="325"/>
      <c r="O50" s="13"/>
    </row>
    <row r="51" spans="1:15" ht="105" customHeight="1">
      <c r="A51" s="254"/>
      <c r="B51" s="203" t="s">
        <v>240</v>
      </c>
      <c r="C51" s="204"/>
      <c r="D51" s="204"/>
      <c r="E51" s="204"/>
      <c r="F51" s="204"/>
      <c r="G51" s="204"/>
      <c r="H51" s="204"/>
      <c r="I51" s="205"/>
      <c r="J51" s="116" t="s">
        <v>234</v>
      </c>
      <c r="K51" s="116" t="s">
        <v>234</v>
      </c>
      <c r="L51" s="66"/>
      <c r="M51" s="329"/>
      <c r="N51" s="325"/>
      <c r="O51" s="13"/>
    </row>
    <row r="52" spans="1:15" ht="12.75" customHeight="1">
      <c r="A52" s="253" t="s">
        <v>209</v>
      </c>
      <c r="B52" s="255" t="s">
        <v>242</v>
      </c>
      <c r="C52" s="256"/>
      <c r="D52" s="256"/>
      <c r="E52" s="256"/>
      <c r="F52" s="256"/>
      <c r="G52" s="256"/>
      <c r="H52" s="256"/>
      <c r="I52" s="257"/>
      <c r="J52" s="330" t="s">
        <v>21</v>
      </c>
      <c r="K52" s="330" t="s">
        <v>21</v>
      </c>
      <c r="L52" s="330" t="s">
        <v>21</v>
      </c>
      <c r="M52" s="18"/>
      <c r="N52" s="325"/>
      <c r="O52" s="13"/>
    </row>
    <row r="53" spans="1:15" ht="27" customHeight="1">
      <c r="A53" s="254"/>
      <c r="B53" s="211"/>
      <c r="C53" s="212"/>
      <c r="D53" s="212"/>
      <c r="E53" s="212"/>
      <c r="F53" s="212"/>
      <c r="G53" s="212"/>
      <c r="H53" s="212"/>
      <c r="I53" s="213"/>
      <c r="J53" s="330"/>
      <c r="K53" s="330"/>
      <c r="L53" s="330"/>
      <c r="M53" s="18"/>
      <c r="N53" s="14"/>
      <c r="O53" s="13"/>
    </row>
    <row r="54" spans="1:15" ht="22.5" customHeight="1">
      <c r="A54" s="254"/>
      <c r="B54" s="211"/>
      <c r="C54" s="212"/>
      <c r="D54" s="212"/>
      <c r="E54" s="212"/>
      <c r="F54" s="212"/>
      <c r="G54" s="212"/>
      <c r="H54" s="212"/>
      <c r="I54" s="213"/>
      <c r="J54" s="330"/>
      <c r="K54" s="330"/>
      <c r="L54" s="330"/>
      <c r="M54" s="17"/>
      <c r="N54" s="13"/>
      <c r="O54" s="13"/>
    </row>
    <row r="55" spans="1:15" ht="27" customHeight="1">
      <c r="A55" s="328"/>
      <c r="B55" s="46"/>
      <c r="C55" s="273"/>
      <c r="D55" s="273"/>
      <c r="E55" s="273"/>
      <c r="F55" s="273"/>
      <c r="G55" s="273"/>
      <c r="H55" s="273"/>
      <c r="I55" s="48"/>
      <c r="J55" s="66"/>
      <c r="K55" s="66"/>
      <c r="L55" s="66"/>
      <c r="M55" s="34"/>
      <c r="N55" s="10"/>
      <c r="O55" s="10"/>
    </row>
    <row r="56" spans="1:15" ht="26.65" customHeight="1">
      <c r="A56" s="110"/>
      <c r="B56" s="41"/>
      <c r="C56" s="274"/>
      <c r="D56" s="274"/>
      <c r="E56" s="275"/>
      <c r="F56" s="275"/>
      <c r="G56" s="276"/>
      <c r="H56" s="276"/>
      <c r="I56" s="41"/>
      <c r="J56" s="70"/>
      <c r="K56" s="70"/>
      <c r="L56" s="70"/>
      <c r="M56" s="111"/>
      <c r="N56" s="112"/>
      <c r="O56" s="112"/>
    </row>
    <row r="57" spans="1:15" ht="18.75" customHeight="1">
      <c r="A57" s="229" t="s">
        <v>210</v>
      </c>
      <c r="B57" s="230"/>
      <c r="C57" s="230"/>
      <c r="D57" s="230"/>
      <c r="E57" s="230"/>
      <c r="F57" s="230"/>
      <c r="G57" s="230"/>
      <c r="H57" s="230"/>
      <c r="I57" s="230"/>
      <c r="J57" s="230"/>
      <c r="K57" s="230"/>
      <c r="L57" s="230"/>
      <c r="M57" s="231"/>
      <c r="N57" s="197"/>
      <c r="O57" s="198"/>
    </row>
    <row r="58" spans="1:15" ht="47.25" customHeight="1">
      <c r="A58" s="297" t="s">
        <v>228</v>
      </c>
      <c r="B58" s="255" t="s">
        <v>243</v>
      </c>
      <c r="C58" s="256"/>
      <c r="D58" s="256"/>
      <c r="E58" s="256"/>
      <c r="F58" s="256"/>
      <c r="G58" s="256"/>
      <c r="H58" s="256"/>
      <c r="I58" s="257"/>
      <c r="J58" s="65" t="s">
        <v>178</v>
      </c>
      <c r="K58" s="65" t="s">
        <v>21</v>
      </c>
      <c r="L58" s="65"/>
      <c r="M58" s="15"/>
      <c r="N58" s="299"/>
      <c r="O58" s="295"/>
    </row>
    <row r="59" spans="1:15" ht="12.75" customHeight="1">
      <c r="A59" s="298"/>
      <c r="B59" s="211"/>
      <c r="C59" s="212"/>
      <c r="D59" s="212"/>
      <c r="E59" s="212"/>
      <c r="F59" s="212"/>
      <c r="G59" s="212"/>
      <c r="H59" s="212"/>
      <c r="I59" s="213"/>
      <c r="J59" s="67"/>
      <c r="K59" s="67"/>
      <c r="L59" s="67"/>
      <c r="M59" s="20"/>
      <c r="N59" s="300"/>
      <c r="O59" s="296"/>
    </row>
    <row r="60" spans="1:15" ht="56.25" customHeight="1">
      <c r="A60" s="19"/>
      <c r="B60" s="211" t="s">
        <v>244</v>
      </c>
      <c r="C60" s="212"/>
      <c r="D60" s="212"/>
      <c r="E60" s="212"/>
      <c r="F60" s="212"/>
      <c r="G60" s="212"/>
      <c r="H60" s="212"/>
      <c r="I60" s="213"/>
      <c r="J60" s="67" t="s">
        <v>21</v>
      </c>
      <c r="K60" s="67" t="s">
        <v>178</v>
      </c>
      <c r="L60" s="67"/>
      <c r="M60" s="17"/>
      <c r="N60" s="13"/>
      <c r="O60" s="20"/>
    </row>
    <row r="61" spans="1:15" ht="51.4" customHeight="1">
      <c r="A61" s="19"/>
      <c r="B61" s="211" t="s">
        <v>245</v>
      </c>
      <c r="C61" s="212"/>
      <c r="D61" s="212"/>
      <c r="E61" s="212"/>
      <c r="F61" s="212"/>
      <c r="G61" s="212"/>
      <c r="H61" s="212"/>
      <c r="I61" s="213"/>
      <c r="J61" s="67" t="s">
        <v>21</v>
      </c>
      <c r="K61" s="67" t="s">
        <v>21</v>
      </c>
      <c r="L61" s="67"/>
      <c r="M61" s="17"/>
      <c r="N61" s="13"/>
      <c r="O61" s="20"/>
    </row>
    <row r="62" spans="1:15" ht="7.9" customHeight="1">
      <c r="A62" s="10"/>
      <c r="B62" s="217"/>
      <c r="C62" s="218"/>
      <c r="D62" s="218"/>
      <c r="E62" s="218"/>
      <c r="F62" s="218"/>
      <c r="G62" s="218"/>
      <c r="H62" s="218"/>
      <c r="I62" s="219"/>
      <c r="J62" s="66"/>
      <c r="K62" s="66"/>
      <c r="L62" s="66"/>
      <c r="M62" s="34"/>
      <c r="N62" s="12"/>
      <c r="O62" s="10"/>
    </row>
    <row r="63" spans="1:15" ht="48.75" customHeight="1">
      <c r="A63" s="324" t="s">
        <v>203</v>
      </c>
      <c r="B63" s="214" t="s">
        <v>232</v>
      </c>
      <c r="C63" s="215"/>
      <c r="D63" s="215"/>
      <c r="E63" s="215"/>
      <c r="F63" s="215"/>
      <c r="G63" s="215"/>
      <c r="H63" s="215"/>
      <c r="I63" s="216"/>
      <c r="J63" s="96" t="s">
        <v>204</v>
      </c>
      <c r="K63" s="96"/>
      <c r="L63" s="96" t="s">
        <v>205</v>
      </c>
      <c r="M63" s="30"/>
      <c r="N63" s="11"/>
      <c r="O63" s="11"/>
    </row>
    <row r="64" spans="1:15" ht="25.15" customHeight="1">
      <c r="A64" s="325"/>
      <c r="B64" s="49"/>
      <c r="C64" s="326" t="s">
        <v>246</v>
      </c>
      <c r="D64" s="326"/>
      <c r="E64" s="326"/>
      <c r="F64" s="326"/>
      <c r="G64" s="326"/>
      <c r="H64" s="326"/>
      <c r="I64" s="327"/>
      <c r="J64" s="95"/>
      <c r="K64" s="95"/>
      <c r="L64" s="95"/>
      <c r="M64" s="14"/>
      <c r="N64" s="13"/>
      <c r="O64" s="13"/>
    </row>
    <row r="65" spans="1:15" ht="48.75" customHeight="1">
      <c r="A65" s="325"/>
      <c r="B65" s="203" t="s">
        <v>211</v>
      </c>
      <c r="C65" s="204"/>
      <c r="D65" s="204"/>
      <c r="E65" s="204"/>
      <c r="F65" s="204"/>
      <c r="G65" s="204"/>
      <c r="H65" s="204"/>
      <c r="I65" s="205"/>
      <c r="J65" s="95" t="s">
        <v>204</v>
      </c>
      <c r="K65" s="95"/>
      <c r="L65" s="95" t="s">
        <v>205</v>
      </c>
      <c r="M65" s="14"/>
      <c r="N65" s="13"/>
      <c r="O65" s="13"/>
    </row>
    <row r="66" spans="1:15" ht="136.15" customHeight="1">
      <c r="A66" s="13"/>
      <c r="B66" s="203" t="s">
        <v>263</v>
      </c>
      <c r="C66" s="204"/>
      <c r="D66" s="204"/>
      <c r="E66" s="204"/>
      <c r="F66" s="204"/>
      <c r="G66" s="204"/>
      <c r="H66" s="204"/>
      <c r="I66" s="205"/>
      <c r="J66" s="97" t="s">
        <v>234</v>
      </c>
      <c r="K66" s="97" t="s">
        <v>234</v>
      </c>
      <c r="L66" s="67"/>
      <c r="M66" s="18"/>
      <c r="N66" s="325"/>
      <c r="O66" s="13"/>
    </row>
    <row r="67" spans="1:15" ht="48.4" customHeight="1">
      <c r="A67" s="13"/>
      <c r="B67" s="203" t="s">
        <v>213</v>
      </c>
      <c r="C67" s="204"/>
      <c r="D67" s="204"/>
      <c r="E67" s="204"/>
      <c r="F67" s="204"/>
      <c r="G67" s="204"/>
      <c r="H67" s="204"/>
      <c r="I67" s="205"/>
      <c r="J67" s="95" t="s">
        <v>204</v>
      </c>
      <c r="K67" s="95"/>
      <c r="L67" s="95" t="s">
        <v>205</v>
      </c>
      <c r="M67" s="14"/>
      <c r="N67" s="325"/>
      <c r="O67" s="13"/>
    </row>
    <row r="68" spans="1:15" ht="105.4" customHeight="1">
      <c r="A68" s="13"/>
      <c r="B68" s="203" t="s">
        <v>208</v>
      </c>
      <c r="C68" s="204"/>
      <c r="D68" s="204"/>
      <c r="E68" s="204"/>
      <c r="F68" s="204"/>
      <c r="G68" s="204"/>
      <c r="H68" s="204"/>
      <c r="I68" s="205"/>
      <c r="J68" s="116" t="s">
        <v>234</v>
      </c>
      <c r="K68" s="116" t="s">
        <v>234</v>
      </c>
      <c r="L68" s="66"/>
      <c r="M68" s="16"/>
      <c r="N68" s="325"/>
      <c r="O68" s="13"/>
    </row>
    <row r="69" spans="1:15" ht="52.9" customHeight="1">
      <c r="A69" s="253" t="s">
        <v>247</v>
      </c>
      <c r="B69" s="214" t="s">
        <v>260</v>
      </c>
      <c r="C69" s="215"/>
      <c r="D69" s="215"/>
      <c r="E69" s="215"/>
      <c r="F69" s="215"/>
      <c r="G69" s="215"/>
      <c r="H69" s="215"/>
      <c r="I69" s="216"/>
      <c r="J69" s="95" t="s">
        <v>204</v>
      </c>
      <c r="K69" s="95"/>
      <c r="L69" s="95" t="s">
        <v>205</v>
      </c>
      <c r="M69" s="209" t="s">
        <v>265</v>
      </c>
      <c r="N69" s="325"/>
      <c r="O69" s="13"/>
    </row>
    <row r="70" spans="1:15" ht="118.15" customHeight="1">
      <c r="A70" s="254"/>
      <c r="B70" s="203" t="s">
        <v>248</v>
      </c>
      <c r="C70" s="204"/>
      <c r="D70" s="204"/>
      <c r="E70" s="204"/>
      <c r="F70" s="204"/>
      <c r="G70" s="204"/>
      <c r="H70" s="204"/>
      <c r="I70" s="205"/>
      <c r="J70" s="116" t="s">
        <v>234</v>
      </c>
      <c r="K70" s="116" t="s">
        <v>234</v>
      </c>
      <c r="L70" s="66"/>
      <c r="M70" s="210"/>
      <c r="N70" s="325"/>
      <c r="O70" s="13"/>
    </row>
    <row r="71" spans="1:15" ht="12.75" customHeight="1">
      <c r="A71" s="253" t="s">
        <v>209</v>
      </c>
      <c r="B71" s="255" t="s">
        <v>249</v>
      </c>
      <c r="C71" s="256"/>
      <c r="D71" s="256"/>
      <c r="E71" s="256"/>
      <c r="F71" s="256"/>
      <c r="G71" s="256"/>
      <c r="H71" s="256"/>
      <c r="I71" s="257"/>
      <c r="J71" s="330" t="s">
        <v>21</v>
      </c>
      <c r="K71" s="330" t="s">
        <v>21</v>
      </c>
      <c r="L71" s="330" t="s">
        <v>21</v>
      </c>
      <c r="M71" s="18"/>
      <c r="N71" s="325"/>
      <c r="O71" s="13"/>
    </row>
    <row r="72" spans="1:15" ht="27" customHeight="1">
      <c r="A72" s="254"/>
      <c r="B72" s="211"/>
      <c r="C72" s="212"/>
      <c r="D72" s="212"/>
      <c r="E72" s="212"/>
      <c r="F72" s="212"/>
      <c r="G72" s="212"/>
      <c r="H72" s="212"/>
      <c r="I72" s="213"/>
      <c r="J72" s="330"/>
      <c r="K72" s="330"/>
      <c r="L72" s="330"/>
      <c r="M72" s="18"/>
      <c r="N72" s="14"/>
      <c r="O72" s="13"/>
    </row>
    <row r="73" spans="1:15" ht="22.5" customHeight="1">
      <c r="A73" s="254"/>
      <c r="B73" s="211"/>
      <c r="C73" s="212"/>
      <c r="D73" s="212"/>
      <c r="E73" s="212"/>
      <c r="F73" s="212"/>
      <c r="G73" s="212"/>
      <c r="H73" s="212"/>
      <c r="I73" s="213"/>
      <c r="J73" s="330"/>
      <c r="K73" s="330"/>
      <c r="L73" s="330"/>
      <c r="M73" s="17"/>
      <c r="N73" s="13"/>
      <c r="O73" s="13"/>
    </row>
    <row r="74" spans="1:15" ht="15.75" customHeight="1">
      <c r="A74" s="10"/>
      <c r="B74" s="46"/>
      <c r="C74" s="273"/>
      <c r="D74" s="273"/>
      <c r="E74" s="273"/>
      <c r="F74" s="273"/>
      <c r="G74" s="273"/>
      <c r="H74" s="273"/>
      <c r="I74" s="48"/>
      <c r="J74" s="66"/>
      <c r="K74" s="66"/>
      <c r="L74" s="66"/>
      <c r="M74" s="34"/>
      <c r="N74" s="10"/>
      <c r="O74" s="10"/>
    </row>
    <row r="75" spans="1:15" ht="15.75" customHeight="1">
      <c r="A75" s="112"/>
      <c r="B75" s="41"/>
      <c r="C75" s="274"/>
      <c r="D75" s="274"/>
      <c r="E75" s="275"/>
      <c r="F75" s="275"/>
      <c r="G75" s="276"/>
      <c r="H75" s="276"/>
      <c r="I75" s="41"/>
      <c r="J75" s="70"/>
      <c r="K75" s="107"/>
      <c r="L75" s="70"/>
      <c r="M75" s="114"/>
      <c r="N75" s="112"/>
      <c r="O75" s="112"/>
    </row>
    <row r="76" spans="1:15" ht="12.4" customHeight="1">
      <c r="A76" s="113"/>
      <c r="B76" s="212"/>
      <c r="C76" s="212"/>
      <c r="D76" s="212"/>
      <c r="E76" s="212"/>
      <c r="F76" s="212"/>
      <c r="G76" s="212"/>
      <c r="H76" s="212"/>
      <c r="I76" s="212"/>
      <c r="J76" s="70"/>
      <c r="K76" s="70"/>
      <c r="L76" s="70"/>
      <c r="M76" s="110"/>
      <c r="N76" s="110"/>
      <c r="O76" s="110"/>
    </row>
    <row r="77" spans="1:15" ht="21" customHeight="1">
      <c r="A77" s="99" t="s">
        <v>221</v>
      </c>
      <c r="B77" s="100"/>
      <c r="C77" s="100"/>
      <c r="D77" s="100"/>
      <c r="E77" s="100"/>
      <c r="F77" s="100"/>
      <c r="G77" s="100"/>
      <c r="H77" s="100"/>
      <c r="I77" s="100"/>
      <c r="J77" s="100"/>
      <c r="K77" s="100"/>
      <c r="L77" s="100"/>
      <c r="M77" s="101"/>
      <c r="N77" s="197"/>
      <c r="O77" s="198"/>
    </row>
    <row r="78" spans="1:15">
      <c r="A78" s="254" t="s">
        <v>148</v>
      </c>
      <c r="B78" s="206" t="s">
        <v>158</v>
      </c>
      <c r="C78" s="207"/>
      <c r="D78" s="207"/>
      <c r="E78" s="207"/>
      <c r="F78" s="207"/>
      <c r="G78" s="207"/>
      <c r="H78" s="207"/>
      <c r="I78" s="208"/>
      <c r="J78" s="67"/>
      <c r="K78" s="67"/>
      <c r="L78" s="67"/>
      <c r="M78" s="18"/>
      <c r="N78" s="13"/>
      <c r="O78" s="295"/>
    </row>
    <row r="79" spans="1:15" ht="37.5" customHeight="1">
      <c r="A79" s="254"/>
      <c r="B79" s="233" t="s">
        <v>181</v>
      </c>
      <c r="C79" s="234"/>
      <c r="D79" s="234"/>
      <c r="E79" s="234"/>
      <c r="F79" s="234"/>
      <c r="G79" s="234"/>
      <c r="H79" s="234"/>
      <c r="I79" s="235"/>
      <c r="J79" s="67"/>
      <c r="K79" s="67"/>
      <c r="L79" s="67"/>
      <c r="M79" s="18"/>
      <c r="N79" s="13"/>
      <c r="O79" s="296"/>
    </row>
    <row r="80" spans="1:15" ht="18.75" customHeight="1">
      <c r="A80" s="254"/>
      <c r="B80" s="220" t="s">
        <v>23</v>
      </c>
      <c r="C80" s="221"/>
      <c r="D80" s="221"/>
      <c r="E80" s="221"/>
      <c r="F80" s="221"/>
      <c r="G80" s="221"/>
      <c r="H80" s="221"/>
      <c r="I80" s="222"/>
      <c r="J80" s="67"/>
      <c r="K80" s="67"/>
      <c r="L80" s="67"/>
      <c r="M80" s="18" t="s">
        <v>159</v>
      </c>
      <c r="N80" s="13"/>
      <c r="O80" s="303"/>
    </row>
    <row r="81" spans="1:15">
      <c r="A81" s="254"/>
      <c r="B81" s="246" t="s">
        <v>143</v>
      </c>
      <c r="C81" s="247"/>
      <c r="D81" s="247"/>
      <c r="E81" s="247"/>
      <c r="F81" s="247"/>
      <c r="G81" s="247"/>
      <c r="H81" s="247"/>
      <c r="I81" s="248"/>
      <c r="J81" s="67" t="s">
        <v>21</v>
      </c>
      <c r="K81" s="67" t="s">
        <v>21</v>
      </c>
      <c r="L81" s="67" t="s">
        <v>21</v>
      </c>
      <c r="M81" s="18"/>
      <c r="N81" s="13"/>
      <c r="O81" s="303"/>
    </row>
    <row r="82" spans="1:15">
      <c r="A82" s="254"/>
      <c r="B82" s="246" t="s">
        <v>144</v>
      </c>
      <c r="C82" s="247"/>
      <c r="D82" s="247"/>
      <c r="E82" s="247"/>
      <c r="F82" s="247"/>
      <c r="G82" s="247"/>
      <c r="H82" s="247"/>
      <c r="I82" s="248"/>
      <c r="J82" s="67" t="s">
        <v>21</v>
      </c>
      <c r="K82" s="67" t="s">
        <v>21</v>
      </c>
      <c r="L82" s="67" t="s">
        <v>21</v>
      </c>
      <c r="M82" s="18"/>
      <c r="N82" s="13"/>
      <c r="O82" s="303"/>
    </row>
    <row r="83" spans="1:15">
      <c r="A83" s="254"/>
      <c r="B83" s="246" t="s">
        <v>145</v>
      </c>
      <c r="C83" s="247"/>
      <c r="D83" s="247"/>
      <c r="E83" s="247"/>
      <c r="F83" s="247"/>
      <c r="G83" s="247"/>
      <c r="H83" s="247"/>
      <c r="I83" s="248"/>
      <c r="J83" s="67" t="s">
        <v>21</v>
      </c>
      <c r="K83" s="67" t="s">
        <v>21</v>
      </c>
      <c r="L83" s="67" t="s">
        <v>21</v>
      </c>
      <c r="M83" s="18"/>
      <c r="N83" s="13"/>
      <c r="O83" s="13"/>
    </row>
    <row r="84" spans="1:15">
      <c r="A84" s="254"/>
      <c r="B84" s="246" t="s">
        <v>146</v>
      </c>
      <c r="C84" s="247"/>
      <c r="D84" s="247"/>
      <c r="E84" s="247"/>
      <c r="F84" s="247"/>
      <c r="G84" s="247"/>
      <c r="H84" s="247"/>
      <c r="I84" s="248"/>
      <c r="J84" s="67" t="s">
        <v>21</v>
      </c>
      <c r="K84" s="67" t="s">
        <v>21</v>
      </c>
      <c r="L84" s="67" t="s">
        <v>21</v>
      </c>
      <c r="M84" s="26"/>
      <c r="N84" s="14"/>
      <c r="O84" s="14"/>
    </row>
    <row r="85" spans="1:15">
      <c r="A85" s="254"/>
      <c r="B85" s="246" t="s">
        <v>147</v>
      </c>
      <c r="C85" s="247"/>
      <c r="D85" s="247"/>
      <c r="E85" s="247"/>
      <c r="F85" s="247"/>
      <c r="G85" s="247"/>
      <c r="H85" s="247"/>
      <c r="I85" s="248"/>
      <c r="J85" s="67" t="s">
        <v>21</v>
      </c>
      <c r="K85" s="67" t="s">
        <v>21</v>
      </c>
      <c r="L85" s="67" t="s">
        <v>21</v>
      </c>
      <c r="M85" s="26"/>
      <c r="N85" s="14"/>
      <c r="O85" s="14"/>
    </row>
    <row r="86" spans="1:15">
      <c r="A86" s="24"/>
      <c r="B86" s="211"/>
      <c r="C86" s="212"/>
      <c r="D86" s="212"/>
      <c r="E86" s="212"/>
      <c r="F86" s="212"/>
      <c r="G86" s="212"/>
      <c r="H86" s="212"/>
      <c r="I86" s="213"/>
      <c r="J86" s="67"/>
      <c r="K86" s="67"/>
      <c r="L86" s="67"/>
      <c r="M86" s="26"/>
      <c r="N86" s="14"/>
      <c r="O86" s="14"/>
    </row>
    <row r="87" spans="1:15" ht="42" customHeight="1">
      <c r="A87" s="14"/>
      <c r="B87" s="211" t="s">
        <v>80</v>
      </c>
      <c r="C87" s="212"/>
      <c r="D87" s="212"/>
      <c r="E87" s="212"/>
      <c r="F87" s="212"/>
      <c r="G87" s="212"/>
      <c r="H87" s="212"/>
      <c r="I87" s="213"/>
      <c r="J87" s="67" t="s">
        <v>21</v>
      </c>
      <c r="K87" s="67" t="s">
        <v>21</v>
      </c>
      <c r="L87" s="67" t="s">
        <v>21</v>
      </c>
      <c r="M87" s="26"/>
      <c r="N87" s="14"/>
      <c r="O87" s="20"/>
    </row>
    <row r="88" spans="1:15" ht="42" customHeight="1">
      <c r="A88" s="14"/>
      <c r="B88" s="211" t="s">
        <v>94</v>
      </c>
      <c r="C88" s="212"/>
      <c r="D88" s="212"/>
      <c r="E88" s="212"/>
      <c r="F88" s="212"/>
      <c r="G88" s="212"/>
      <c r="H88" s="212"/>
      <c r="I88" s="213"/>
      <c r="J88" s="67" t="s">
        <v>21</v>
      </c>
      <c r="K88" s="67" t="s">
        <v>21</v>
      </c>
      <c r="L88" s="67" t="s">
        <v>21</v>
      </c>
      <c r="M88" s="26"/>
      <c r="N88" s="14"/>
      <c r="O88" s="14"/>
    </row>
    <row r="89" spans="1:15" ht="105.75" customHeight="1">
      <c r="A89" s="14"/>
      <c r="B89" s="211"/>
      <c r="C89" s="212"/>
      <c r="D89" s="212"/>
      <c r="E89" s="212"/>
      <c r="F89" s="212"/>
      <c r="G89" s="212"/>
      <c r="H89" s="212"/>
      <c r="I89" s="213"/>
      <c r="J89" s="67"/>
      <c r="K89" s="67"/>
      <c r="L89" s="67"/>
      <c r="M89" s="26"/>
      <c r="N89" s="14"/>
      <c r="O89" s="14"/>
    </row>
    <row r="90" spans="1:15" ht="105.75" customHeight="1">
      <c r="A90" s="14"/>
      <c r="B90" s="211"/>
      <c r="C90" s="212"/>
      <c r="D90" s="212"/>
      <c r="E90" s="212"/>
      <c r="F90" s="212"/>
      <c r="G90" s="212"/>
      <c r="H90" s="212"/>
      <c r="I90" s="213"/>
      <c r="J90" s="67"/>
      <c r="K90" s="67"/>
      <c r="L90" s="67"/>
      <c r="M90" s="26"/>
      <c r="N90" s="14"/>
      <c r="O90" s="14"/>
    </row>
    <row r="91" spans="1:15" ht="105.75" customHeight="1">
      <c r="A91" s="14"/>
      <c r="B91" s="211"/>
      <c r="C91" s="212"/>
      <c r="D91" s="212"/>
      <c r="E91" s="212"/>
      <c r="F91" s="212"/>
      <c r="G91" s="212"/>
      <c r="H91" s="212"/>
      <c r="I91" s="213"/>
      <c r="J91" s="67"/>
      <c r="K91" s="67"/>
      <c r="L91" s="67"/>
      <c r="M91" s="26"/>
      <c r="N91" s="14"/>
      <c r="O91" s="14"/>
    </row>
    <row r="92" spans="1:15" ht="137.25" customHeight="1">
      <c r="A92" s="14"/>
      <c r="B92" s="211"/>
      <c r="C92" s="212"/>
      <c r="D92" s="212"/>
      <c r="E92" s="212"/>
      <c r="F92" s="212"/>
      <c r="G92" s="212"/>
      <c r="H92" s="212"/>
      <c r="I92" s="213"/>
      <c r="J92" s="67"/>
      <c r="K92" s="67"/>
      <c r="L92" s="67"/>
      <c r="M92" s="26"/>
      <c r="N92" s="14"/>
      <c r="O92" s="14"/>
    </row>
    <row r="93" spans="1:15" ht="86.25" customHeight="1">
      <c r="A93" s="14"/>
      <c r="B93" s="211"/>
      <c r="C93" s="212"/>
      <c r="D93" s="212"/>
      <c r="E93" s="212"/>
      <c r="F93" s="212"/>
      <c r="G93" s="212"/>
      <c r="H93" s="212"/>
      <c r="I93" s="213"/>
      <c r="J93" s="67"/>
      <c r="K93" s="67"/>
      <c r="L93" s="67"/>
      <c r="M93" s="26"/>
      <c r="N93" s="14"/>
      <c r="O93" s="14"/>
    </row>
    <row r="94" spans="1:15" ht="30" customHeight="1">
      <c r="A94" s="27"/>
      <c r="B94" s="226"/>
      <c r="C94" s="227"/>
      <c r="D94" s="227"/>
      <c r="E94" s="227"/>
      <c r="F94" s="227"/>
      <c r="G94" s="227"/>
      <c r="H94" s="227"/>
      <c r="I94" s="228"/>
      <c r="J94" s="66"/>
      <c r="K94" s="66"/>
      <c r="L94" s="66"/>
      <c r="M94" s="28"/>
      <c r="N94" s="27"/>
      <c r="O94" s="27"/>
    </row>
    <row r="95" spans="1:15" ht="19.5" customHeight="1">
      <c r="A95" s="94" t="s">
        <v>221</v>
      </c>
      <c r="B95" s="87"/>
      <c r="C95" s="87"/>
      <c r="D95" s="87"/>
      <c r="E95" s="87"/>
      <c r="F95" s="87"/>
      <c r="G95" s="87"/>
      <c r="H95" s="87"/>
      <c r="I95" s="87"/>
      <c r="J95" s="87"/>
      <c r="K95" s="87"/>
      <c r="L95" s="87"/>
      <c r="M95" s="88"/>
      <c r="N95" s="195"/>
      <c r="O95" s="196"/>
    </row>
    <row r="96" spans="1:15" ht="24" customHeight="1">
      <c r="A96" s="253" t="s">
        <v>180</v>
      </c>
      <c r="B96" s="211" t="s">
        <v>7</v>
      </c>
      <c r="C96" s="212"/>
      <c r="D96" s="212"/>
      <c r="E96" s="212"/>
      <c r="F96" s="212"/>
      <c r="G96" s="212"/>
      <c r="H96" s="212"/>
      <c r="I96" s="213"/>
      <c r="J96" s="67" t="s">
        <v>21</v>
      </c>
      <c r="K96" s="67" t="s">
        <v>21</v>
      </c>
      <c r="L96" s="67" t="s">
        <v>21</v>
      </c>
      <c r="M96" s="26"/>
      <c r="N96" s="14"/>
      <c r="O96" s="14"/>
    </row>
    <row r="97" spans="1:15" ht="42" customHeight="1">
      <c r="A97" s="301"/>
      <c r="B97" s="203" t="s">
        <v>95</v>
      </c>
      <c r="C97" s="204"/>
      <c r="D97" s="204"/>
      <c r="E97" s="204"/>
      <c r="F97" s="204"/>
      <c r="G97" s="204"/>
      <c r="H97" s="204"/>
      <c r="I97" s="205"/>
      <c r="J97" s="67"/>
      <c r="K97" s="67"/>
      <c r="L97" s="67" t="s">
        <v>21</v>
      </c>
      <c r="M97" s="232" t="s">
        <v>264</v>
      </c>
      <c r="N97" s="29"/>
      <c r="O97" s="14"/>
    </row>
    <row r="98" spans="1:15" ht="30" customHeight="1">
      <c r="A98" s="301"/>
      <c r="B98" s="223" t="s">
        <v>59</v>
      </c>
      <c r="C98" s="224"/>
      <c r="D98" s="224"/>
      <c r="E98" s="224"/>
      <c r="F98" s="224"/>
      <c r="G98" s="224"/>
      <c r="H98" s="224"/>
      <c r="I98" s="225"/>
      <c r="J98" s="67" t="s">
        <v>21</v>
      </c>
      <c r="K98" s="67" t="s">
        <v>21</v>
      </c>
      <c r="L98" s="67"/>
      <c r="M98" s="232"/>
      <c r="N98" s="14"/>
      <c r="O98" s="14"/>
    </row>
    <row r="99" spans="1:15" ht="45" customHeight="1">
      <c r="A99" s="301"/>
      <c r="B99" s="223" t="s">
        <v>62</v>
      </c>
      <c r="C99" s="224"/>
      <c r="D99" s="224"/>
      <c r="E99" s="224"/>
      <c r="F99" s="224"/>
      <c r="G99" s="224"/>
      <c r="H99" s="224"/>
      <c r="I99" s="225"/>
      <c r="J99" s="67" t="s">
        <v>21</v>
      </c>
      <c r="K99" s="67" t="s">
        <v>21</v>
      </c>
      <c r="L99" s="67"/>
      <c r="M99" s="232"/>
      <c r="N99" s="14"/>
      <c r="O99" s="14"/>
    </row>
    <row r="100" spans="1:15" ht="45" customHeight="1">
      <c r="A100" s="14"/>
      <c r="B100" s="223" t="s">
        <v>87</v>
      </c>
      <c r="C100" s="224"/>
      <c r="D100" s="224"/>
      <c r="E100" s="224"/>
      <c r="F100" s="224"/>
      <c r="G100" s="224"/>
      <c r="H100" s="224"/>
      <c r="I100" s="225"/>
      <c r="J100" s="67" t="s">
        <v>21</v>
      </c>
      <c r="K100" s="67" t="s">
        <v>21</v>
      </c>
      <c r="L100" s="67"/>
      <c r="M100" s="232"/>
      <c r="N100" s="14"/>
      <c r="O100" s="14"/>
    </row>
    <row r="101" spans="1:15" ht="45" customHeight="1">
      <c r="A101" s="14"/>
      <c r="B101" s="223" t="s">
        <v>88</v>
      </c>
      <c r="C101" s="224"/>
      <c r="D101" s="224"/>
      <c r="E101" s="224"/>
      <c r="F101" s="224"/>
      <c r="G101" s="224"/>
      <c r="H101" s="224"/>
      <c r="I101" s="225"/>
      <c r="J101" s="67" t="s">
        <v>21</v>
      </c>
      <c r="K101" s="67" t="s">
        <v>21</v>
      </c>
      <c r="L101" s="67"/>
      <c r="M101" s="232"/>
      <c r="N101" s="14"/>
      <c r="O101" s="14"/>
    </row>
    <row r="102" spans="1:15" ht="24" customHeight="1">
      <c r="A102" s="14"/>
      <c r="B102" s="261"/>
      <c r="C102" s="262"/>
      <c r="D102" s="262"/>
      <c r="E102" s="262"/>
      <c r="F102" s="262"/>
      <c r="G102" s="262"/>
      <c r="H102" s="262"/>
      <c r="I102" s="263"/>
      <c r="J102" s="67"/>
      <c r="K102" s="67"/>
      <c r="L102" s="67"/>
      <c r="M102" s="26"/>
      <c r="N102" s="14"/>
      <c r="O102" s="14"/>
    </row>
    <row r="103" spans="1:15" ht="42" customHeight="1">
      <c r="A103" s="14"/>
      <c r="B103" s="203" t="s">
        <v>96</v>
      </c>
      <c r="C103" s="204"/>
      <c r="D103" s="204"/>
      <c r="E103" s="204"/>
      <c r="F103" s="204"/>
      <c r="G103" s="204"/>
      <c r="H103" s="204"/>
      <c r="I103" s="205"/>
      <c r="J103" s="67"/>
      <c r="K103" s="67"/>
      <c r="L103" s="67" t="s">
        <v>21</v>
      </c>
      <c r="M103" s="26"/>
      <c r="N103" s="14"/>
      <c r="O103" s="14"/>
    </row>
    <row r="104" spans="1:15" ht="30" customHeight="1">
      <c r="A104" s="14"/>
      <c r="B104" s="223" t="s">
        <v>59</v>
      </c>
      <c r="C104" s="224"/>
      <c r="D104" s="224"/>
      <c r="E104" s="224"/>
      <c r="F104" s="224"/>
      <c r="G104" s="224"/>
      <c r="H104" s="224"/>
      <c r="I104" s="225"/>
      <c r="J104" s="67" t="s">
        <v>21</v>
      </c>
      <c r="K104" s="67" t="s">
        <v>21</v>
      </c>
      <c r="L104" s="67"/>
      <c r="M104" s="26"/>
      <c r="N104" s="14"/>
      <c r="O104" s="14"/>
    </row>
    <row r="105" spans="1:15" ht="43.5" customHeight="1">
      <c r="A105" s="14"/>
      <c r="B105" s="223" t="s">
        <v>62</v>
      </c>
      <c r="C105" s="224"/>
      <c r="D105" s="224"/>
      <c r="E105" s="224"/>
      <c r="F105" s="224"/>
      <c r="G105" s="224"/>
      <c r="H105" s="224"/>
      <c r="I105" s="225"/>
      <c r="J105" s="67" t="s">
        <v>21</v>
      </c>
      <c r="K105" s="67" t="s">
        <v>21</v>
      </c>
      <c r="L105" s="67"/>
      <c r="M105" s="26"/>
      <c r="N105" s="14"/>
      <c r="O105" s="14"/>
    </row>
    <row r="106" spans="1:15" ht="43.5" customHeight="1">
      <c r="A106" s="14"/>
      <c r="B106" s="223" t="s">
        <v>61</v>
      </c>
      <c r="C106" s="224"/>
      <c r="D106" s="224"/>
      <c r="E106" s="224"/>
      <c r="F106" s="224"/>
      <c r="G106" s="224"/>
      <c r="H106" s="224"/>
      <c r="I106" s="225"/>
      <c r="J106" s="67" t="s">
        <v>21</v>
      </c>
      <c r="K106" s="67" t="s">
        <v>21</v>
      </c>
      <c r="L106" s="67"/>
      <c r="M106" s="26"/>
      <c r="N106" s="14"/>
      <c r="O106" s="14"/>
    </row>
    <row r="107" spans="1:15" ht="46.5" customHeight="1">
      <c r="A107" s="14"/>
      <c r="B107" s="223" t="s">
        <v>60</v>
      </c>
      <c r="C107" s="224"/>
      <c r="D107" s="224"/>
      <c r="E107" s="224"/>
      <c r="F107" s="224"/>
      <c r="G107" s="224"/>
      <c r="H107" s="224"/>
      <c r="I107" s="225"/>
      <c r="J107" s="67" t="s">
        <v>21</v>
      </c>
      <c r="K107" s="67" t="s">
        <v>21</v>
      </c>
      <c r="L107" s="67"/>
      <c r="M107" s="26"/>
      <c r="N107" s="14"/>
      <c r="O107" s="14"/>
    </row>
    <row r="108" spans="1:15" ht="30.75" customHeight="1">
      <c r="A108" s="14"/>
      <c r="B108" s="42"/>
      <c r="C108" s="323" t="s">
        <v>56</v>
      </c>
      <c r="D108" s="323"/>
      <c r="E108" s="323"/>
      <c r="F108" s="322"/>
      <c r="G108" s="322"/>
      <c r="H108" s="45" t="s">
        <v>55</v>
      </c>
      <c r="I108" s="43"/>
      <c r="J108" s="67"/>
      <c r="K108" s="67"/>
      <c r="L108" s="67"/>
      <c r="M108" s="26"/>
      <c r="N108" s="14"/>
      <c r="O108" s="14"/>
    </row>
    <row r="109" spans="1:15" ht="5.25" customHeight="1">
      <c r="A109" s="13"/>
      <c r="B109" s="316"/>
      <c r="C109" s="274"/>
      <c r="D109" s="274"/>
      <c r="E109" s="274"/>
      <c r="F109" s="274"/>
      <c r="G109" s="274"/>
      <c r="H109" s="274"/>
      <c r="I109" s="317"/>
      <c r="J109" s="67"/>
      <c r="K109" s="67"/>
      <c r="L109" s="67"/>
      <c r="M109" s="18"/>
      <c r="N109" s="13"/>
      <c r="O109" s="13"/>
    </row>
    <row r="110" spans="1:15" ht="30.75" customHeight="1">
      <c r="A110" s="14"/>
      <c r="B110" s="42"/>
      <c r="C110" s="199" t="s">
        <v>57</v>
      </c>
      <c r="D110" s="199"/>
      <c r="E110" s="199"/>
      <c r="F110" s="322"/>
      <c r="G110" s="322"/>
      <c r="H110" s="45" t="s">
        <v>55</v>
      </c>
      <c r="I110" s="43"/>
      <c r="J110" s="67"/>
      <c r="K110" s="67"/>
      <c r="L110" s="67"/>
      <c r="M110" s="26"/>
      <c r="N110" s="14"/>
      <c r="O110" s="14"/>
    </row>
    <row r="111" spans="1:15" ht="5.25" customHeight="1">
      <c r="A111" s="13"/>
      <c r="B111" s="316"/>
      <c r="C111" s="274"/>
      <c r="D111" s="274"/>
      <c r="E111" s="274"/>
      <c r="F111" s="274"/>
      <c r="G111" s="274"/>
      <c r="H111" s="274"/>
      <c r="I111" s="317"/>
      <c r="J111" s="67"/>
      <c r="K111" s="67"/>
      <c r="L111" s="67"/>
      <c r="M111" s="18"/>
      <c r="N111" s="13"/>
      <c r="O111" s="13"/>
    </row>
    <row r="112" spans="1:15" ht="30.75" customHeight="1">
      <c r="A112" s="14"/>
      <c r="B112" s="42"/>
      <c r="C112" s="199" t="s">
        <v>58</v>
      </c>
      <c r="D112" s="199"/>
      <c r="E112" s="199"/>
      <c r="F112" s="322"/>
      <c r="G112" s="322"/>
      <c r="H112" s="45" t="s">
        <v>55</v>
      </c>
      <c r="I112" s="43"/>
      <c r="J112" s="67"/>
      <c r="K112" s="67"/>
      <c r="L112" s="67"/>
      <c r="M112" s="26"/>
      <c r="N112" s="14"/>
      <c r="O112" s="14"/>
    </row>
    <row r="113" spans="1:15" ht="96.75" customHeight="1">
      <c r="A113" s="14"/>
      <c r="B113" s="211"/>
      <c r="C113" s="212"/>
      <c r="D113" s="212"/>
      <c r="E113" s="212"/>
      <c r="F113" s="212"/>
      <c r="G113" s="212"/>
      <c r="H113" s="212"/>
      <c r="I113" s="213"/>
      <c r="J113" s="67"/>
      <c r="K113" s="67"/>
      <c r="L113" s="67"/>
      <c r="M113" s="26"/>
      <c r="N113" s="14"/>
      <c r="O113" s="14"/>
    </row>
    <row r="114" spans="1:15" ht="122.25" customHeight="1">
      <c r="A114" s="14"/>
      <c r="B114" s="211"/>
      <c r="C114" s="212"/>
      <c r="D114" s="212"/>
      <c r="E114" s="212"/>
      <c r="F114" s="212"/>
      <c r="G114" s="212"/>
      <c r="H114" s="212"/>
      <c r="I114" s="213"/>
      <c r="J114" s="67"/>
      <c r="K114" s="67"/>
      <c r="L114" s="67"/>
      <c r="M114" s="26"/>
      <c r="N114" s="14"/>
      <c r="O114" s="14"/>
    </row>
    <row r="115" spans="1:15" ht="57" customHeight="1">
      <c r="A115" s="27"/>
      <c r="B115" s="277"/>
      <c r="C115" s="278"/>
      <c r="D115" s="278"/>
      <c r="E115" s="278"/>
      <c r="F115" s="278"/>
      <c r="G115" s="278"/>
      <c r="H115" s="278"/>
      <c r="I115" s="279"/>
      <c r="J115" s="66"/>
      <c r="K115" s="66"/>
      <c r="L115" s="66"/>
      <c r="M115" s="28"/>
      <c r="N115" s="27"/>
      <c r="O115" s="27"/>
    </row>
    <row r="116" spans="1:15" ht="19.5" customHeight="1">
      <c r="A116" s="89" t="s">
        <v>226</v>
      </c>
      <c r="B116" s="90"/>
      <c r="C116" s="90"/>
      <c r="D116" s="90"/>
      <c r="E116" s="90"/>
      <c r="F116" s="90"/>
      <c r="G116" s="90"/>
      <c r="H116" s="90"/>
      <c r="I116" s="90"/>
      <c r="J116" s="90"/>
      <c r="K116" s="90"/>
      <c r="L116" s="90"/>
      <c r="M116" s="91"/>
      <c r="N116" s="195"/>
      <c r="O116" s="196"/>
    </row>
    <row r="117" spans="1:15" ht="21.75" customHeight="1">
      <c r="A117" s="253" t="s">
        <v>222</v>
      </c>
      <c r="B117" s="200" t="s">
        <v>2</v>
      </c>
      <c r="C117" s="201"/>
      <c r="D117" s="201"/>
      <c r="E117" s="201"/>
      <c r="F117" s="201"/>
      <c r="G117" s="201"/>
      <c r="H117" s="201"/>
      <c r="I117" s="202"/>
      <c r="J117" s="65"/>
      <c r="K117" s="65"/>
      <c r="L117" s="65"/>
      <c r="M117" s="21"/>
      <c r="N117" s="30"/>
      <c r="O117" s="30"/>
    </row>
    <row r="118" spans="1:15" ht="41.25" customHeight="1">
      <c r="A118" s="254"/>
      <c r="B118" s="203" t="s">
        <v>97</v>
      </c>
      <c r="C118" s="204"/>
      <c r="D118" s="204"/>
      <c r="E118" s="204"/>
      <c r="F118" s="204"/>
      <c r="G118" s="204"/>
      <c r="H118" s="204"/>
      <c r="I118" s="205"/>
      <c r="J118" s="67" t="s">
        <v>21</v>
      </c>
      <c r="K118" s="67" t="s">
        <v>21</v>
      </c>
      <c r="L118" s="67" t="s">
        <v>21</v>
      </c>
      <c r="M118" s="22"/>
      <c r="N118" s="14"/>
      <c r="O118" s="14"/>
    </row>
    <row r="119" spans="1:15" ht="39" customHeight="1">
      <c r="A119" s="254"/>
      <c r="B119" s="203" t="s">
        <v>187</v>
      </c>
      <c r="C119" s="204"/>
      <c r="D119" s="204"/>
      <c r="E119" s="204"/>
      <c r="F119" s="204"/>
      <c r="G119" s="204"/>
      <c r="H119" s="204"/>
      <c r="I119" s="205"/>
      <c r="J119" s="67" t="s">
        <v>21</v>
      </c>
      <c r="K119" s="67" t="s">
        <v>21</v>
      </c>
      <c r="L119" s="67" t="s">
        <v>21</v>
      </c>
      <c r="M119" s="22"/>
      <c r="N119" s="14"/>
      <c r="O119" s="14"/>
    </row>
    <row r="120" spans="1:15" ht="39" customHeight="1">
      <c r="A120" s="254"/>
      <c r="B120" s="203" t="s">
        <v>98</v>
      </c>
      <c r="C120" s="204"/>
      <c r="D120" s="204"/>
      <c r="E120" s="204"/>
      <c r="F120" s="204"/>
      <c r="G120" s="204"/>
      <c r="H120" s="204"/>
      <c r="I120" s="205"/>
      <c r="J120" s="67" t="s">
        <v>21</v>
      </c>
      <c r="K120" s="67" t="s">
        <v>21</v>
      </c>
      <c r="L120" s="67" t="s">
        <v>21</v>
      </c>
      <c r="M120" s="22"/>
      <c r="N120" s="14"/>
      <c r="O120" s="14"/>
    </row>
    <row r="121" spans="1:15" ht="24.75" customHeight="1">
      <c r="A121" s="254"/>
      <c r="B121" s="203" t="s">
        <v>194</v>
      </c>
      <c r="C121" s="204"/>
      <c r="D121" s="204"/>
      <c r="E121" s="204"/>
      <c r="F121" s="204"/>
      <c r="G121" s="204"/>
      <c r="H121" s="204"/>
      <c r="I121" s="205"/>
      <c r="J121" s="67"/>
      <c r="K121" s="67"/>
      <c r="L121" s="67" t="s">
        <v>21</v>
      </c>
      <c r="M121" s="22"/>
      <c r="N121" s="14"/>
      <c r="O121" s="14"/>
    </row>
    <row r="122" spans="1:15" ht="82.5" customHeight="1">
      <c r="A122" s="254"/>
      <c r="B122" s="223" t="s">
        <v>99</v>
      </c>
      <c r="C122" s="224"/>
      <c r="D122" s="224"/>
      <c r="E122" s="224"/>
      <c r="F122" s="224"/>
      <c r="G122" s="224"/>
      <c r="H122" s="224"/>
      <c r="I122" s="225"/>
      <c r="J122" s="67" t="s">
        <v>21</v>
      </c>
      <c r="K122" s="67" t="s">
        <v>199</v>
      </c>
      <c r="L122" s="67"/>
      <c r="M122" s="22" t="s">
        <v>92</v>
      </c>
      <c r="N122" s="14"/>
      <c r="O122" s="14"/>
    </row>
    <row r="123" spans="1:15" ht="27" customHeight="1">
      <c r="A123" s="14"/>
      <c r="B123" s="223" t="s">
        <v>81</v>
      </c>
      <c r="C123" s="224"/>
      <c r="D123" s="224"/>
      <c r="E123" s="224"/>
      <c r="F123" s="224"/>
      <c r="G123" s="224"/>
      <c r="H123" s="224"/>
      <c r="I123" s="225"/>
      <c r="J123" s="67" t="s">
        <v>21</v>
      </c>
      <c r="K123" s="67" t="s">
        <v>21</v>
      </c>
      <c r="L123" s="67"/>
      <c r="M123" s="22" t="s">
        <v>91</v>
      </c>
      <c r="N123" s="14"/>
      <c r="O123" s="14"/>
    </row>
    <row r="124" spans="1:15" ht="45.75" customHeight="1">
      <c r="A124" s="14"/>
      <c r="B124" s="261"/>
      <c r="C124" s="262"/>
      <c r="D124" s="262"/>
      <c r="E124" s="262"/>
      <c r="F124" s="262"/>
      <c r="G124" s="262"/>
      <c r="H124" s="262"/>
      <c r="I124" s="263"/>
      <c r="J124" s="67"/>
      <c r="K124" s="67"/>
      <c r="L124" s="67"/>
      <c r="M124" s="22"/>
      <c r="N124" s="14"/>
      <c r="O124" s="14"/>
    </row>
    <row r="125" spans="1:15" ht="45.75" customHeight="1">
      <c r="A125" s="14"/>
      <c r="B125" s="261"/>
      <c r="C125" s="262"/>
      <c r="D125" s="262"/>
      <c r="E125" s="262"/>
      <c r="F125" s="262"/>
      <c r="G125" s="262"/>
      <c r="H125" s="262"/>
      <c r="I125" s="263"/>
      <c r="J125" s="67"/>
      <c r="K125" s="67"/>
      <c r="L125" s="67"/>
      <c r="M125" s="22"/>
      <c r="N125" s="14"/>
      <c r="O125" s="14"/>
    </row>
    <row r="126" spans="1:15" ht="45.75" customHeight="1">
      <c r="A126" s="14"/>
      <c r="B126" s="261"/>
      <c r="C126" s="262"/>
      <c r="D126" s="262"/>
      <c r="E126" s="262"/>
      <c r="F126" s="262"/>
      <c r="G126" s="262"/>
      <c r="H126" s="262"/>
      <c r="I126" s="263"/>
      <c r="J126" s="67"/>
      <c r="K126" s="67"/>
      <c r="L126" s="67"/>
      <c r="M126" s="22"/>
      <c r="N126" s="14"/>
      <c r="O126" s="14"/>
    </row>
    <row r="127" spans="1:15" ht="45.75" customHeight="1">
      <c r="A127" s="14"/>
      <c r="B127" s="261"/>
      <c r="C127" s="262"/>
      <c r="D127" s="262"/>
      <c r="E127" s="262"/>
      <c r="F127" s="262"/>
      <c r="G127" s="262"/>
      <c r="H127" s="262"/>
      <c r="I127" s="263"/>
      <c r="J127" s="67"/>
      <c r="K127" s="67"/>
      <c r="L127" s="67"/>
      <c r="M127" s="22"/>
      <c r="N127" s="14"/>
      <c r="O127" s="14"/>
    </row>
    <row r="128" spans="1:15" ht="45.75" customHeight="1">
      <c r="A128" s="14"/>
      <c r="B128" s="261"/>
      <c r="C128" s="262"/>
      <c r="D128" s="262"/>
      <c r="E128" s="262"/>
      <c r="F128" s="262"/>
      <c r="G128" s="262"/>
      <c r="H128" s="262"/>
      <c r="I128" s="263"/>
      <c r="J128" s="67"/>
      <c r="K128" s="67"/>
      <c r="L128" s="67"/>
      <c r="M128" s="22"/>
      <c r="N128" s="14"/>
      <c r="O128" s="14"/>
    </row>
    <row r="129" spans="1:15" ht="45.75" customHeight="1">
      <c r="A129" s="14"/>
      <c r="B129" s="261"/>
      <c r="C129" s="262"/>
      <c r="D129" s="262"/>
      <c r="E129" s="262"/>
      <c r="F129" s="262"/>
      <c r="G129" s="262"/>
      <c r="H129" s="262"/>
      <c r="I129" s="263"/>
      <c r="J129" s="67"/>
      <c r="K129" s="67"/>
      <c r="L129" s="67"/>
      <c r="M129" s="22"/>
      <c r="N129" s="14"/>
      <c r="O129" s="14"/>
    </row>
    <row r="130" spans="1:15" ht="45.75" customHeight="1">
      <c r="A130" s="14"/>
      <c r="B130" s="261"/>
      <c r="C130" s="262"/>
      <c r="D130" s="262"/>
      <c r="E130" s="262"/>
      <c r="F130" s="262"/>
      <c r="G130" s="262"/>
      <c r="H130" s="262"/>
      <c r="I130" s="263"/>
      <c r="J130" s="67"/>
      <c r="K130" s="67"/>
      <c r="L130" s="67"/>
      <c r="M130" s="22"/>
      <c r="N130" s="14"/>
      <c r="O130" s="14"/>
    </row>
    <row r="131" spans="1:15" ht="45" customHeight="1">
      <c r="A131" s="14"/>
      <c r="B131" s="261"/>
      <c r="C131" s="262"/>
      <c r="D131" s="262"/>
      <c r="E131" s="262"/>
      <c r="F131" s="262"/>
      <c r="G131" s="262"/>
      <c r="H131" s="262"/>
      <c r="I131" s="263"/>
      <c r="J131" s="67"/>
      <c r="K131" s="67"/>
      <c r="L131" s="67"/>
      <c r="M131" s="22"/>
      <c r="N131" s="14"/>
      <c r="O131" s="14"/>
    </row>
    <row r="132" spans="1:15" ht="45" customHeight="1">
      <c r="A132" s="14"/>
      <c r="B132" s="261"/>
      <c r="C132" s="262"/>
      <c r="D132" s="262"/>
      <c r="E132" s="262"/>
      <c r="F132" s="262"/>
      <c r="G132" s="262"/>
      <c r="H132" s="262"/>
      <c r="I132" s="263"/>
      <c r="J132" s="67"/>
      <c r="K132" s="67"/>
      <c r="L132" s="67"/>
      <c r="M132" s="22"/>
      <c r="N132" s="14"/>
      <c r="O132" s="14"/>
    </row>
    <row r="133" spans="1:15" ht="45" customHeight="1">
      <c r="A133" s="14"/>
      <c r="B133" s="261"/>
      <c r="C133" s="262"/>
      <c r="D133" s="262"/>
      <c r="E133" s="262"/>
      <c r="F133" s="262"/>
      <c r="G133" s="262"/>
      <c r="H133" s="262"/>
      <c r="I133" s="263"/>
      <c r="J133" s="67"/>
      <c r="K133" s="67"/>
      <c r="L133" s="67"/>
      <c r="M133" s="22"/>
      <c r="N133" s="14"/>
      <c r="O133" s="14"/>
    </row>
    <row r="134" spans="1:15" ht="45" customHeight="1">
      <c r="A134" s="14"/>
      <c r="B134" s="261"/>
      <c r="C134" s="262"/>
      <c r="D134" s="262"/>
      <c r="E134" s="262"/>
      <c r="F134" s="262"/>
      <c r="G134" s="262"/>
      <c r="H134" s="262"/>
      <c r="I134" s="263"/>
      <c r="J134" s="67"/>
      <c r="K134" s="67"/>
      <c r="L134" s="67"/>
      <c r="M134" s="22"/>
      <c r="N134" s="14"/>
      <c r="O134" s="14"/>
    </row>
    <row r="135" spans="1:15" ht="65.25" customHeight="1">
      <c r="A135" s="27"/>
      <c r="B135" s="264"/>
      <c r="C135" s="265"/>
      <c r="D135" s="265"/>
      <c r="E135" s="265"/>
      <c r="F135" s="265"/>
      <c r="G135" s="265"/>
      <c r="H135" s="265"/>
      <c r="I135" s="266"/>
      <c r="J135" s="66"/>
      <c r="K135" s="66"/>
      <c r="L135" s="66"/>
      <c r="M135" s="31"/>
      <c r="N135" s="27"/>
      <c r="O135" s="27"/>
    </row>
    <row r="136" spans="1:15" ht="19.5" customHeight="1">
      <c r="A136" s="89" t="s">
        <v>226</v>
      </c>
      <c r="B136" s="92"/>
      <c r="C136" s="92"/>
      <c r="D136" s="92"/>
      <c r="E136" s="92"/>
      <c r="F136" s="92"/>
      <c r="G136" s="92"/>
      <c r="H136" s="92"/>
      <c r="I136" s="92"/>
      <c r="J136" s="92"/>
      <c r="K136" s="92"/>
      <c r="L136" s="92"/>
      <c r="M136" s="93"/>
      <c r="N136" s="195"/>
      <c r="O136" s="196"/>
    </row>
    <row r="137" spans="1:15" ht="73.5" customHeight="1">
      <c r="A137" s="253" t="s">
        <v>223</v>
      </c>
      <c r="B137" s="211" t="s">
        <v>107</v>
      </c>
      <c r="C137" s="212"/>
      <c r="D137" s="212"/>
      <c r="E137" s="212"/>
      <c r="F137" s="212"/>
      <c r="G137" s="212"/>
      <c r="H137" s="212"/>
      <c r="I137" s="213"/>
      <c r="J137" s="67" t="s">
        <v>21</v>
      </c>
      <c r="K137" s="67" t="s">
        <v>21</v>
      </c>
      <c r="L137" s="67" t="s">
        <v>21</v>
      </c>
      <c r="M137" s="22" t="s">
        <v>93</v>
      </c>
      <c r="N137" s="29"/>
      <c r="O137" s="14"/>
    </row>
    <row r="138" spans="1:15" ht="17.25" customHeight="1">
      <c r="A138" s="254"/>
      <c r="B138" s="211"/>
      <c r="C138" s="212"/>
      <c r="D138" s="212"/>
      <c r="E138" s="212"/>
      <c r="F138" s="212"/>
      <c r="G138" s="212"/>
      <c r="H138" s="212"/>
      <c r="I138" s="213"/>
      <c r="J138" s="67"/>
      <c r="K138" s="67"/>
      <c r="L138" s="67"/>
      <c r="M138" s="22"/>
      <c r="N138" s="29"/>
      <c r="O138" s="14"/>
    </row>
    <row r="139" spans="1:15" ht="75.849999999999994" customHeight="1">
      <c r="A139" s="254"/>
      <c r="B139" s="211" t="s">
        <v>301</v>
      </c>
      <c r="C139" s="212"/>
      <c r="D139" s="212"/>
      <c r="E139" s="212"/>
      <c r="F139" s="212"/>
      <c r="G139" s="212"/>
      <c r="H139" s="212"/>
      <c r="I139" s="213"/>
      <c r="J139" s="67" t="s">
        <v>21</v>
      </c>
      <c r="K139" s="67" t="s">
        <v>21</v>
      </c>
      <c r="L139" s="67" t="s">
        <v>21</v>
      </c>
      <c r="M139" s="22" t="s">
        <v>149</v>
      </c>
      <c r="N139" s="29"/>
      <c r="O139" s="14"/>
    </row>
    <row r="140" spans="1:15" ht="60.85" customHeight="1">
      <c r="A140" s="254"/>
      <c r="B140" s="206" t="s">
        <v>302</v>
      </c>
      <c r="C140" s="207"/>
      <c r="D140" s="207"/>
      <c r="E140" s="207"/>
      <c r="F140" s="207"/>
      <c r="G140" s="207"/>
      <c r="H140" s="207"/>
      <c r="I140" s="208"/>
      <c r="J140" s="67" t="s">
        <v>21</v>
      </c>
      <c r="K140" s="67" t="s">
        <v>21</v>
      </c>
      <c r="L140" s="67" t="s">
        <v>21</v>
      </c>
      <c r="M140" s="22" t="s">
        <v>186</v>
      </c>
      <c r="N140" s="29"/>
      <c r="O140" s="14"/>
    </row>
    <row r="141" spans="1:15" ht="46.9" customHeight="1">
      <c r="A141" s="254"/>
      <c r="B141" s="206"/>
      <c r="C141" s="207"/>
      <c r="D141" s="207"/>
      <c r="E141" s="207"/>
      <c r="F141" s="207"/>
      <c r="G141" s="207"/>
      <c r="H141" s="207"/>
      <c r="I141" s="208"/>
      <c r="J141" s="67"/>
      <c r="K141" s="67"/>
      <c r="L141" s="67"/>
      <c r="M141" s="22"/>
      <c r="N141" s="51" t="s">
        <v>251</v>
      </c>
      <c r="O141" s="50"/>
    </row>
    <row r="142" spans="1:15" ht="9.75" customHeight="1">
      <c r="A142" s="19"/>
      <c r="B142" s="119"/>
      <c r="C142" s="120"/>
      <c r="D142" s="120"/>
      <c r="E142" s="120"/>
      <c r="F142" s="120"/>
      <c r="G142" s="120"/>
      <c r="H142" s="120"/>
      <c r="I142" s="121"/>
      <c r="J142" s="67"/>
      <c r="K142" s="67"/>
      <c r="L142" s="67"/>
      <c r="M142" s="22"/>
      <c r="N142" s="14"/>
      <c r="O142" s="50"/>
    </row>
    <row r="143" spans="1:15" ht="40.9" customHeight="1">
      <c r="A143" s="19"/>
      <c r="B143" s="119"/>
      <c r="C143" s="321" t="s">
        <v>63</v>
      </c>
      <c r="D143" s="321"/>
      <c r="E143" s="321"/>
      <c r="F143" s="319"/>
      <c r="G143" s="319"/>
      <c r="H143" s="122" t="s">
        <v>54</v>
      </c>
      <c r="I143" s="118"/>
      <c r="J143" s="67"/>
      <c r="K143" s="67"/>
      <c r="L143" s="67"/>
      <c r="M143" s="22"/>
      <c r="N143" s="14"/>
      <c r="O143" s="14"/>
    </row>
    <row r="144" spans="1:15" ht="30" customHeight="1">
      <c r="A144" s="19"/>
      <c r="B144" s="117" t="s">
        <v>79</v>
      </c>
      <c r="C144" s="320" t="s">
        <v>82</v>
      </c>
      <c r="D144" s="321"/>
      <c r="E144" s="321"/>
      <c r="F144" s="319"/>
      <c r="G144" s="319"/>
      <c r="H144" s="122" t="s">
        <v>54</v>
      </c>
      <c r="I144" s="118"/>
      <c r="J144" s="67"/>
      <c r="K144" s="67"/>
      <c r="L144" s="67"/>
      <c r="M144" s="22"/>
      <c r="N144" s="14"/>
      <c r="O144" s="14"/>
    </row>
    <row r="145" spans="1:15" ht="5.25" customHeight="1">
      <c r="A145" s="13"/>
      <c r="B145" s="313"/>
      <c r="C145" s="314"/>
      <c r="D145" s="314"/>
      <c r="E145" s="314"/>
      <c r="F145" s="314"/>
      <c r="G145" s="314"/>
      <c r="H145" s="314"/>
      <c r="I145" s="315"/>
      <c r="J145" s="67"/>
      <c r="K145" s="67"/>
      <c r="L145" s="67"/>
      <c r="M145" s="18"/>
      <c r="N145" s="14"/>
      <c r="O145" s="13"/>
    </row>
    <row r="146" spans="1:15" ht="33.75" customHeight="1">
      <c r="A146" s="19"/>
      <c r="B146" s="117"/>
      <c r="C146" s="318" t="s">
        <v>65</v>
      </c>
      <c r="D146" s="318"/>
      <c r="E146" s="318"/>
      <c r="F146" s="319"/>
      <c r="G146" s="319"/>
      <c r="H146" s="122" t="s">
        <v>64</v>
      </c>
      <c r="I146" s="118"/>
      <c r="J146" s="67"/>
      <c r="K146" s="67"/>
      <c r="L146" s="67"/>
      <c r="M146" s="22"/>
      <c r="O146" s="14"/>
    </row>
    <row r="147" spans="1:15" ht="5.25" customHeight="1">
      <c r="A147" s="13"/>
      <c r="B147" s="316"/>
      <c r="C147" s="274"/>
      <c r="D147" s="274"/>
      <c r="E147" s="274"/>
      <c r="F147" s="274"/>
      <c r="G147" s="274"/>
      <c r="H147" s="274"/>
      <c r="I147" s="317"/>
      <c r="J147" s="67"/>
      <c r="K147" s="67"/>
      <c r="L147" s="67"/>
      <c r="M147" s="18"/>
      <c r="N147" s="13"/>
      <c r="O147" s="13"/>
    </row>
    <row r="148" spans="1:15" ht="57" customHeight="1">
      <c r="A148" s="14"/>
      <c r="B148" s="211" t="s">
        <v>303</v>
      </c>
      <c r="C148" s="212"/>
      <c r="D148" s="212"/>
      <c r="E148" s="212"/>
      <c r="F148" s="212"/>
      <c r="G148" s="212"/>
      <c r="H148" s="212"/>
      <c r="I148" s="213"/>
      <c r="J148" s="67" t="s">
        <v>21</v>
      </c>
      <c r="K148" s="67" t="s">
        <v>21</v>
      </c>
      <c r="L148" s="67" t="s">
        <v>21</v>
      </c>
      <c r="M148" s="22" t="s">
        <v>168</v>
      </c>
      <c r="N148" s="14"/>
      <c r="O148" s="14"/>
    </row>
    <row r="149" spans="1:15" ht="13.5" customHeight="1">
      <c r="A149" s="14"/>
      <c r="B149" s="203"/>
      <c r="C149" s="204"/>
      <c r="D149" s="204"/>
      <c r="E149" s="204"/>
      <c r="F149" s="204"/>
      <c r="G149" s="204"/>
      <c r="H149" s="204"/>
      <c r="I149" s="205"/>
      <c r="J149" s="67"/>
      <c r="K149" s="67"/>
      <c r="L149" s="67"/>
      <c r="M149" s="22"/>
      <c r="N149" s="14"/>
      <c r="O149" s="14"/>
    </row>
    <row r="150" spans="1:15" ht="61.5" customHeight="1">
      <c r="A150" s="14"/>
      <c r="B150" s="233" t="s">
        <v>198</v>
      </c>
      <c r="C150" s="234"/>
      <c r="D150" s="234"/>
      <c r="E150" s="234"/>
      <c r="F150" s="234"/>
      <c r="G150" s="234"/>
      <c r="H150" s="234"/>
      <c r="I150" s="235"/>
      <c r="J150" s="67"/>
      <c r="K150" s="67"/>
      <c r="L150" s="67"/>
      <c r="M150" s="22"/>
      <c r="N150" s="14"/>
      <c r="O150" s="14"/>
    </row>
    <row r="151" spans="1:15" ht="63" customHeight="1">
      <c r="A151" s="14"/>
      <c r="B151" s="233" t="s">
        <v>198</v>
      </c>
      <c r="C151" s="234"/>
      <c r="D151" s="234"/>
      <c r="E151" s="234"/>
      <c r="F151" s="234"/>
      <c r="G151" s="234"/>
      <c r="H151" s="234"/>
      <c r="I151" s="235"/>
      <c r="J151" s="67"/>
      <c r="K151" s="67"/>
      <c r="L151" s="67"/>
      <c r="M151" s="22"/>
      <c r="N151" s="14"/>
      <c r="O151" s="14"/>
    </row>
    <row r="152" spans="1:15" ht="39" customHeight="1">
      <c r="A152" s="14"/>
      <c r="B152" s="211" t="s">
        <v>100</v>
      </c>
      <c r="C152" s="212"/>
      <c r="D152" s="212"/>
      <c r="E152" s="212"/>
      <c r="F152" s="212"/>
      <c r="G152" s="212"/>
      <c r="H152" s="212"/>
      <c r="I152" s="213"/>
      <c r="J152" s="67" t="s">
        <v>21</v>
      </c>
      <c r="K152" s="67" t="s">
        <v>21</v>
      </c>
      <c r="L152" s="67" t="s">
        <v>21</v>
      </c>
      <c r="M152" s="22" t="s">
        <v>24</v>
      </c>
      <c r="N152" s="14"/>
      <c r="O152" s="14"/>
    </row>
    <row r="153" spans="1:15" ht="9.75" customHeight="1">
      <c r="A153" s="14"/>
      <c r="B153" s="211"/>
      <c r="C153" s="212"/>
      <c r="D153" s="212"/>
      <c r="E153" s="212"/>
      <c r="F153" s="212"/>
      <c r="G153" s="212"/>
      <c r="H153" s="212"/>
      <c r="I153" s="213"/>
      <c r="J153" s="67"/>
      <c r="K153" s="67"/>
      <c r="L153" s="67"/>
      <c r="M153" s="22"/>
      <c r="N153" s="14"/>
      <c r="O153" s="14"/>
    </row>
    <row r="154" spans="1:15" ht="22.5" customHeight="1">
      <c r="A154" s="14"/>
      <c r="B154" s="211" t="s">
        <v>3</v>
      </c>
      <c r="C154" s="212"/>
      <c r="D154" s="212"/>
      <c r="E154" s="212"/>
      <c r="F154" s="212"/>
      <c r="G154" s="212"/>
      <c r="H154" s="212"/>
      <c r="I154" s="213"/>
      <c r="J154" s="67"/>
      <c r="K154" s="67"/>
      <c r="L154" s="67"/>
      <c r="M154" s="22"/>
      <c r="N154" s="14"/>
      <c r="O154" s="14"/>
    </row>
    <row r="155" spans="1:15" ht="22.5" customHeight="1">
      <c r="A155" s="14"/>
      <c r="B155" s="39" t="s">
        <v>66</v>
      </c>
      <c r="C155" s="252"/>
      <c r="D155" s="252"/>
      <c r="E155" s="44" t="s">
        <v>68</v>
      </c>
      <c r="F155" s="252"/>
      <c r="G155" s="252"/>
      <c r="H155" s="44" t="s">
        <v>67</v>
      </c>
      <c r="I155" s="40"/>
      <c r="J155" s="67"/>
      <c r="K155" s="67"/>
      <c r="L155" s="67"/>
      <c r="M155" s="22"/>
      <c r="N155" s="14"/>
      <c r="O155" s="14"/>
    </row>
    <row r="156" spans="1:15" ht="24" customHeight="1">
      <c r="A156" s="14"/>
      <c r="B156" s="206" t="s">
        <v>250</v>
      </c>
      <c r="C156" s="207"/>
      <c r="D156" s="207"/>
      <c r="E156" s="207"/>
      <c r="F156" s="207"/>
      <c r="G156" s="207"/>
      <c r="H156" s="207"/>
      <c r="I156" s="208"/>
      <c r="J156" s="67"/>
      <c r="K156" s="67"/>
      <c r="L156" s="67" t="s">
        <v>21</v>
      </c>
      <c r="M156" s="232" t="s">
        <v>177</v>
      </c>
      <c r="N156" s="14"/>
      <c r="O156" s="14"/>
    </row>
    <row r="157" spans="1:15" ht="22.15" customHeight="1">
      <c r="A157" s="14"/>
      <c r="B157" s="233" t="s">
        <v>196</v>
      </c>
      <c r="C157" s="234"/>
      <c r="D157" s="234"/>
      <c r="E157" s="234"/>
      <c r="F157" s="234"/>
      <c r="G157" s="234"/>
      <c r="H157" s="234"/>
      <c r="I157" s="235"/>
      <c r="J157" s="67"/>
      <c r="K157" s="67"/>
      <c r="L157" s="67"/>
      <c r="M157" s="232"/>
      <c r="N157" s="14"/>
      <c r="O157" s="14"/>
    </row>
    <row r="158" spans="1:15" ht="57.4" customHeight="1">
      <c r="A158" s="14"/>
      <c r="B158" s="220" t="s">
        <v>259</v>
      </c>
      <c r="C158" s="221"/>
      <c r="D158" s="221"/>
      <c r="E158" s="221"/>
      <c r="F158" s="221"/>
      <c r="G158" s="221"/>
      <c r="H158" s="221"/>
      <c r="I158" s="222"/>
      <c r="J158" s="67" t="s">
        <v>21</v>
      </c>
      <c r="K158" s="67" t="s">
        <v>21</v>
      </c>
      <c r="L158" s="67"/>
      <c r="M158" s="232"/>
      <c r="N158" s="14"/>
      <c r="O158" s="14"/>
    </row>
    <row r="159" spans="1:15" ht="42" customHeight="1">
      <c r="A159" s="14"/>
      <c r="B159" s="220" t="s">
        <v>179</v>
      </c>
      <c r="C159" s="221"/>
      <c r="D159" s="221"/>
      <c r="E159" s="221"/>
      <c r="F159" s="221"/>
      <c r="G159" s="221"/>
      <c r="H159" s="221"/>
      <c r="I159" s="222"/>
      <c r="J159" s="67" t="s">
        <v>21</v>
      </c>
      <c r="K159" s="67" t="s">
        <v>21</v>
      </c>
      <c r="L159" s="67"/>
      <c r="M159" s="232"/>
      <c r="N159" s="14"/>
      <c r="O159" s="14"/>
    </row>
    <row r="160" spans="1:15" ht="42" customHeight="1">
      <c r="A160" s="103"/>
      <c r="B160" s="106"/>
      <c r="C160" s="106"/>
      <c r="D160" s="106"/>
      <c r="E160" s="106"/>
      <c r="F160" s="106"/>
      <c r="G160" s="106"/>
      <c r="H160" s="106"/>
      <c r="I160" s="106"/>
      <c r="J160" s="107"/>
      <c r="K160" s="107"/>
      <c r="L160" s="107"/>
      <c r="M160" s="108"/>
      <c r="N160" s="103"/>
      <c r="O160" s="109"/>
    </row>
    <row r="161" spans="1:15" ht="19.5" customHeight="1">
      <c r="A161" s="102" t="s">
        <v>224</v>
      </c>
      <c r="B161" s="104"/>
      <c r="C161" s="104"/>
      <c r="D161" s="104"/>
      <c r="E161" s="104"/>
      <c r="F161" s="104"/>
      <c r="G161" s="104"/>
      <c r="H161" s="104"/>
      <c r="I161" s="104"/>
      <c r="J161" s="104"/>
      <c r="K161" s="104"/>
      <c r="L161" s="104"/>
      <c r="M161" s="105"/>
      <c r="N161" s="197"/>
      <c r="O161" s="198"/>
    </row>
    <row r="162" spans="1:15" ht="23.25" customHeight="1">
      <c r="A162" s="253" t="s">
        <v>225</v>
      </c>
      <c r="B162" s="255" t="s">
        <v>2</v>
      </c>
      <c r="C162" s="256"/>
      <c r="D162" s="256"/>
      <c r="E162" s="256"/>
      <c r="F162" s="256"/>
      <c r="G162" s="256"/>
      <c r="H162" s="256"/>
      <c r="I162" s="257"/>
      <c r="J162" s="65"/>
      <c r="K162" s="65"/>
      <c r="L162" s="65"/>
      <c r="M162" s="32"/>
      <c r="N162" s="30"/>
      <c r="O162" s="30"/>
    </row>
    <row r="163" spans="1:15" ht="23.25" customHeight="1">
      <c r="A163" s="254"/>
      <c r="B163" s="203" t="s">
        <v>72</v>
      </c>
      <c r="C163" s="204"/>
      <c r="D163" s="204"/>
      <c r="E163" s="204"/>
      <c r="F163" s="204"/>
      <c r="G163" s="204"/>
      <c r="H163" s="204"/>
      <c r="I163" s="205"/>
      <c r="J163" s="67" t="s">
        <v>21</v>
      </c>
      <c r="K163" s="67" t="s">
        <v>21</v>
      </c>
      <c r="L163" s="67"/>
      <c r="M163" s="22"/>
      <c r="N163" s="14"/>
      <c r="O163" s="14"/>
    </row>
    <row r="164" spans="1:15" ht="23.25" customHeight="1">
      <c r="A164" s="254"/>
      <c r="B164" s="223" t="s">
        <v>127</v>
      </c>
      <c r="C164" s="224"/>
      <c r="D164" s="224"/>
      <c r="E164" s="224"/>
      <c r="F164" s="224"/>
      <c r="G164" s="224"/>
      <c r="H164" s="224"/>
      <c r="I164" s="225"/>
      <c r="J164" s="67" t="s">
        <v>21</v>
      </c>
      <c r="K164" s="67" t="s">
        <v>21</v>
      </c>
      <c r="L164" s="67"/>
      <c r="M164" s="22"/>
      <c r="N164" s="14"/>
      <c r="O164" s="14"/>
    </row>
    <row r="165" spans="1:15" ht="23.25" customHeight="1">
      <c r="A165" s="254"/>
      <c r="B165" s="223" t="s">
        <v>128</v>
      </c>
      <c r="C165" s="224"/>
      <c r="D165" s="224"/>
      <c r="E165" s="224"/>
      <c r="F165" s="224"/>
      <c r="G165" s="224"/>
      <c r="H165" s="224"/>
      <c r="I165" s="225"/>
      <c r="J165" s="67" t="s">
        <v>21</v>
      </c>
      <c r="K165" s="67" t="s">
        <v>21</v>
      </c>
      <c r="L165" s="67"/>
      <c r="M165" s="22"/>
      <c r="N165" s="14"/>
      <c r="O165" s="14"/>
    </row>
    <row r="166" spans="1:15" ht="41.25" customHeight="1">
      <c r="A166" s="254"/>
      <c r="B166" s="223" t="s">
        <v>129</v>
      </c>
      <c r="C166" s="224"/>
      <c r="D166" s="224"/>
      <c r="E166" s="224"/>
      <c r="F166" s="224"/>
      <c r="G166" s="224"/>
      <c r="H166" s="224"/>
      <c r="I166" s="225"/>
      <c r="J166" s="67" t="s">
        <v>21</v>
      </c>
      <c r="K166" s="67" t="s">
        <v>21</v>
      </c>
      <c r="L166" s="67"/>
      <c r="M166" s="22"/>
      <c r="N166" s="14"/>
      <c r="O166" s="14"/>
    </row>
    <row r="167" spans="1:15" ht="67.5" customHeight="1">
      <c r="A167" s="14"/>
      <c r="B167" s="223" t="s">
        <v>130</v>
      </c>
      <c r="C167" s="224"/>
      <c r="D167" s="224"/>
      <c r="E167" s="224"/>
      <c r="F167" s="224"/>
      <c r="G167" s="224"/>
      <c r="H167" s="224"/>
      <c r="I167" s="225"/>
      <c r="J167" s="67" t="s">
        <v>21</v>
      </c>
      <c r="K167" s="67" t="s">
        <v>21</v>
      </c>
      <c r="L167" s="67"/>
      <c r="M167" s="22"/>
      <c r="N167" s="14"/>
      <c r="O167" s="14"/>
    </row>
    <row r="168" spans="1:15" ht="42" customHeight="1">
      <c r="A168" s="14"/>
      <c r="B168" s="223" t="s">
        <v>131</v>
      </c>
      <c r="C168" s="224"/>
      <c r="D168" s="224"/>
      <c r="E168" s="224"/>
      <c r="F168" s="224"/>
      <c r="G168" s="224"/>
      <c r="H168" s="224"/>
      <c r="I168" s="225"/>
      <c r="J168" s="67" t="s">
        <v>21</v>
      </c>
      <c r="K168" s="67" t="s">
        <v>21</v>
      </c>
      <c r="L168" s="67"/>
      <c r="M168" s="22"/>
      <c r="N168" s="14"/>
      <c r="O168" s="14"/>
    </row>
    <row r="169" spans="1:15" ht="42" customHeight="1">
      <c r="A169" s="14"/>
      <c r="B169" s="223" t="s">
        <v>132</v>
      </c>
      <c r="C169" s="224"/>
      <c r="D169" s="224"/>
      <c r="E169" s="224"/>
      <c r="F169" s="224"/>
      <c r="G169" s="224"/>
      <c r="H169" s="224"/>
      <c r="I169" s="225"/>
      <c r="J169" s="67" t="s">
        <v>21</v>
      </c>
      <c r="K169" s="67" t="s">
        <v>21</v>
      </c>
      <c r="L169" s="67"/>
      <c r="M169" s="22"/>
      <c r="N169" s="14"/>
      <c r="O169" s="14"/>
    </row>
    <row r="170" spans="1:15" ht="66" customHeight="1">
      <c r="A170" s="14"/>
      <c r="B170" s="223" t="s">
        <v>169</v>
      </c>
      <c r="C170" s="224"/>
      <c r="D170" s="224"/>
      <c r="E170" s="224"/>
      <c r="F170" s="224"/>
      <c r="G170" s="224"/>
      <c r="H170" s="224"/>
      <c r="I170" s="225"/>
      <c r="J170" s="67" t="s">
        <v>21</v>
      </c>
      <c r="K170" s="67" t="s">
        <v>21</v>
      </c>
      <c r="L170" s="67"/>
      <c r="M170" s="22"/>
      <c r="N170" s="14"/>
      <c r="O170" s="14"/>
    </row>
    <row r="171" spans="1:15" ht="24.75" customHeight="1">
      <c r="A171" s="14"/>
      <c r="B171" s="261"/>
      <c r="C171" s="262"/>
      <c r="D171" s="262"/>
      <c r="E171" s="262"/>
      <c r="F171" s="262"/>
      <c r="G171" s="262"/>
      <c r="H171" s="262"/>
      <c r="I171" s="263"/>
      <c r="J171" s="67"/>
      <c r="K171" s="67"/>
      <c r="L171" s="67"/>
      <c r="M171" s="22"/>
      <c r="N171" s="14"/>
      <c r="O171" s="14"/>
    </row>
    <row r="172" spans="1:15" ht="39" customHeight="1">
      <c r="A172" s="14"/>
      <c r="B172" s="203" t="s">
        <v>170</v>
      </c>
      <c r="C172" s="204"/>
      <c r="D172" s="204"/>
      <c r="E172" s="204"/>
      <c r="F172" s="204"/>
      <c r="G172" s="204"/>
      <c r="H172" s="204"/>
      <c r="I172" s="205"/>
      <c r="J172" s="67" t="s">
        <v>21</v>
      </c>
      <c r="K172" s="67" t="s">
        <v>21</v>
      </c>
      <c r="L172" s="67"/>
      <c r="M172" s="232" t="s">
        <v>182</v>
      </c>
      <c r="N172" s="25" t="s">
        <v>253</v>
      </c>
      <c r="O172" s="14"/>
    </row>
    <row r="173" spans="1:15" ht="17.25" customHeight="1">
      <c r="A173" s="14"/>
      <c r="B173" s="223" t="s">
        <v>26</v>
      </c>
      <c r="C173" s="224"/>
      <c r="D173" s="224"/>
      <c r="E173" s="224"/>
      <c r="F173" s="224"/>
      <c r="G173" s="224"/>
      <c r="H173" s="224"/>
      <c r="I173" s="225"/>
      <c r="J173" s="67" t="s">
        <v>21</v>
      </c>
      <c r="K173" s="67"/>
      <c r="L173" s="67"/>
      <c r="M173" s="232"/>
      <c r="N173" s="14"/>
      <c r="O173" s="14"/>
    </row>
    <row r="174" spans="1:15" ht="17.25" customHeight="1">
      <c r="A174" s="14"/>
      <c r="B174" s="223" t="s">
        <v>25</v>
      </c>
      <c r="C174" s="224"/>
      <c r="D174" s="224"/>
      <c r="E174" s="224"/>
      <c r="F174" s="224"/>
      <c r="G174" s="224"/>
      <c r="H174" s="224"/>
      <c r="I174" s="225"/>
      <c r="J174" s="67" t="s">
        <v>21</v>
      </c>
      <c r="K174" s="67"/>
      <c r="L174" s="67"/>
      <c r="M174" s="232"/>
      <c r="N174" s="14"/>
      <c r="O174" s="14"/>
    </row>
    <row r="175" spans="1:15" ht="17.25" customHeight="1">
      <c r="A175" s="14"/>
      <c r="B175" s="223" t="s">
        <v>171</v>
      </c>
      <c r="C175" s="224"/>
      <c r="D175" s="224"/>
      <c r="E175" s="224"/>
      <c r="F175" s="224"/>
      <c r="G175" s="224"/>
      <c r="H175" s="224"/>
      <c r="I175" s="225"/>
      <c r="J175" s="67" t="s">
        <v>21</v>
      </c>
      <c r="K175" s="67"/>
      <c r="L175" s="67"/>
      <c r="M175" s="232"/>
      <c r="N175" s="54"/>
      <c r="O175" s="14"/>
    </row>
    <row r="176" spans="1:15" ht="17.25" customHeight="1">
      <c r="A176" s="14"/>
      <c r="B176" s="258" t="s">
        <v>84</v>
      </c>
      <c r="C176" s="259"/>
      <c r="D176" s="259"/>
      <c r="E176" s="260"/>
      <c r="F176" s="260"/>
      <c r="G176" s="260"/>
      <c r="H176" s="45" t="s">
        <v>83</v>
      </c>
      <c r="I176" s="59"/>
      <c r="J176" s="67" t="s">
        <v>21</v>
      </c>
      <c r="K176" s="67"/>
      <c r="L176" s="67"/>
      <c r="M176" s="22"/>
      <c r="N176" s="54"/>
      <c r="O176" s="14"/>
    </row>
    <row r="177" spans="1:15" ht="14.25" customHeight="1">
      <c r="A177" s="14"/>
      <c r="B177" s="211"/>
      <c r="C177" s="212"/>
      <c r="D177" s="212"/>
      <c r="E177" s="212"/>
      <c r="F177" s="212"/>
      <c r="G177" s="212"/>
      <c r="H177" s="212"/>
      <c r="I177" s="213"/>
      <c r="J177" s="67"/>
      <c r="K177" s="67"/>
      <c r="L177" s="67"/>
      <c r="M177" s="22"/>
      <c r="N177" s="54"/>
      <c r="O177" s="14"/>
    </row>
    <row r="178" spans="1:15" ht="19.5" customHeight="1">
      <c r="A178" s="14"/>
      <c r="B178" s="211"/>
      <c r="C178" s="212"/>
      <c r="D178" s="212"/>
      <c r="E178" s="212"/>
      <c r="F178" s="212"/>
      <c r="G178" s="212"/>
      <c r="H178" s="212"/>
      <c r="I178" s="213"/>
      <c r="J178" s="67"/>
      <c r="K178" s="67"/>
      <c r="L178" s="67"/>
      <c r="M178" s="22"/>
      <c r="N178" s="14"/>
      <c r="O178" s="14"/>
    </row>
    <row r="179" spans="1:15">
      <c r="A179" s="14"/>
      <c r="B179" s="203" t="s">
        <v>150</v>
      </c>
      <c r="C179" s="204"/>
      <c r="D179" s="204"/>
      <c r="E179" s="204"/>
      <c r="F179" s="204"/>
      <c r="G179" s="204"/>
      <c r="H179" s="204"/>
      <c r="I179" s="205"/>
      <c r="J179" s="67" t="s">
        <v>21</v>
      </c>
      <c r="K179" s="67" t="s">
        <v>21</v>
      </c>
      <c r="L179" s="67"/>
      <c r="M179" s="22"/>
      <c r="N179" s="14"/>
      <c r="O179" s="14"/>
    </row>
    <row r="180" spans="1:15" ht="75" customHeight="1">
      <c r="A180" s="14"/>
      <c r="B180" s="223" t="s">
        <v>134</v>
      </c>
      <c r="C180" s="224"/>
      <c r="D180" s="224"/>
      <c r="E180" s="224"/>
      <c r="F180" s="224"/>
      <c r="G180" s="224"/>
      <c r="H180" s="224"/>
      <c r="I180" s="225"/>
      <c r="J180" s="67" t="s">
        <v>21</v>
      </c>
      <c r="K180" s="67" t="s">
        <v>21</v>
      </c>
      <c r="L180" s="67"/>
      <c r="M180" s="232" t="s">
        <v>176</v>
      </c>
      <c r="N180" s="14"/>
      <c r="O180" s="51" t="s">
        <v>304</v>
      </c>
    </row>
    <row r="181" spans="1:15" ht="13.5" customHeight="1">
      <c r="A181" s="14"/>
      <c r="B181" s="223"/>
      <c r="C181" s="224"/>
      <c r="D181" s="224"/>
      <c r="E181" s="224"/>
      <c r="F181" s="224"/>
      <c r="G181" s="224"/>
      <c r="H181" s="224"/>
      <c r="I181" s="225"/>
      <c r="J181" s="67"/>
      <c r="K181" s="67"/>
      <c r="L181" s="67"/>
      <c r="M181" s="232"/>
      <c r="N181" s="14"/>
      <c r="O181" s="14"/>
    </row>
    <row r="182" spans="1:15">
      <c r="A182" s="14"/>
      <c r="B182" s="223" t="s">
        <v>133</v>
      </c>
      <c r="C182" s="224"/>
      <c r="D182" s="224"/>
      <c r="E182" s="224"/>
      <c r="F182" s="224"/>
      <c r="G182" s="224"/>
      <c r="H182" s="224"/>
      <c r="I182" s="225"/>
      <c r="J182" s="67" t="s">
        <v>21</v>
      </c>
      <c r="K182" s="67" t="s">
        <v>21</v>
      </c>
      <c r="L182" s="67"/>
      <c r="M182" s="232"/>
      <c r="N182" s="14"/>
      <c r="O182" s="14"/>
    </row>
    <row r="183" spans="1:15" ht="39" customHeight="1">
      <c r="A183" s="14"/>
      <c r="B183" s="237" t="s">
        <v>108</v>
      </c>
      <c r="C183" s="238"/>
      <c r="D183" s="238"/>
      <c r="E183" s="238"/>
      <c r="F183" s="238"/>
      <c r="G183" s="238"/>
      <c r="H183" s="238"/>
      <c r="I183" s="239"/>
      <c r="J183" s="67" t="s">
        <v>21</v>
      </c>
      <c r="K183" s="67"/>
      <c r="L183" s="67"/>
      <c r="M183" s="232"/>
      <c r="N183" s="14"/>
      <c r="O183" s="302" t="s">
        <v>305</v>
      </c>
    </row>
    <row r="184" spans="1:15" ht="102" customHeight="1">
      <c r="A184" s="14"/>
      <c r="B184" s="237" t="s">
        <v>135</v>
      </c>
      <c r="C184" s="238"/>
      <c r="D184" s="238"/>
      <c r="E184" s="238"/>
      <c r="F184" s="238"/>
      <c r="G184" s="238"/>
      <c r="H184" s="238"/>
      <c r="I184" s="239"/>
      <c r="J184" s="67" t="s">
        <v>21</v>
      </c>
      <c r="K184" s="67"/>
      <c r="L184" s="67"/>
      <c r="M184" s="22"/>
      <c r="N184" s="14"/>
      <c r="O184" s="302"/>
    </row>
    <row r="185" spans="1:15" ht="33.75" customHeight="1">
      <c r="A185" s="14"/>
      <c r="B185" s="223" t="s">
        <v>252</v>
      </c>
      <c r="C185" s="224"/>
      <c r="D185" s="224"/>
      <c r="E185" s="224"/>
      <c r="F185" s="224"/>
      <c r="G185" s="224"/>
      <c r="H185" s="224"/>
      <c r="I185" s="225"/>
      <c r="J185" s="67" t="s">
        <v>21</v>
      </c>
      <c r="K185" s="67" t="s">
        <v>21</v>
      </c>
      <c r="L185" s="67"/>
      <c r="M185" s="22"/>
      <c r="N185" s="14"/>
      <c r="O185" s="14"/>
    </row>
    <row r="186" spans="1:15" ht="29.65" customHeight="1">
      <c r="A186" s="27"/>
      <c r="B186" s="264"/>
      <c r="C186" s="265"/>
      <c r="D186" s="265"/>
      <c r="E186" s="265"/>
      <c r="F186" s="265"/>
      <c r="G186" s="265"/>
      <c r="H186" s="265"/>
      <c r="I186" s="266"/>
      <c r="J186" s="66"/>
      <c r="K186" s="66"/>
      <c r="L186" s="66"/>
      <c r="M186" s="31"/>
      <c r="N186" s="27"/>
      <c r="O186" s="27"/>
    </row>
    <row r="187" spans="1:15" ht="19.5" customHeight="1">
      <c r="A187" s="89" t="s">
        <v>224</v>
      </c>
      <c r="B187" s="90"/>
      <c r="C187" s="90"/>
      <c r="D187" s="90"/>
      <c r="E187" s="90"/>
      <c r="F187" s="90"/>
      <c r="G187" s="90"/>
      <c r="H187" s="90"/>
      <c r="I187" s="90"/>
      <c r="J187" s="90"/>
      <c r="K187" s="90"/>
      <c r="L187" s="90"/>
      <c r="M187" s="91"/>
      <c r="N187" s="195"/>
      <c r="O187" s="196"/>
    </row>
    <row r="188" spans="1:15" ht="21" customHeight="1">
      <c r="A188" s="253" t="s">
        <v>225</v>
      </c>
      <c r="B188" s="307"/>
      <c r="C188" s="308"/>
      <c r="D188" s="308"/>
      <c r="E188" s="308"/>
      <c r="F188" s="308"/>
      <c r="G188" s="308"/>
      <c r="H188" s="308"/>
      <c r="I188" s="309"/>
      <c r="J188" s="68"/>
      <c r="K188" s="68"/>
      <c r="L188" s="68"/>
      <c r="M188" s="60"/>
      <c r="N188" s="61"/>
      <c r="O188" s="61"/>
    </row>
    <row r="189" spans="1:15" ht="21" customHeight="1">
      <c r="A189" s="254"/>
      <c r="B189" s="240"/>
      <c r="C189" s="241"/>
      <c r="D189" s="241"/>
      <c r="E189" s="241"/>
      <c r="F189" s="241"/>
      <c r="G189" s="241"/>
      <c r="H189" s="241"/>
      <c r="I189" s="242"/>
      <c r="J189" s="69"/>
      <c r="K189" s="69"/>
      <c r="L189" s="69"/>
      <c r="M189" s="62"/>
      <c r="N189" s="63"/>
      <c r="O189" s="63"/>
    </row>
    <row r="190" spans="1:15" ht="21" customHeight="1">
      <c r="A190" s="254"/>
      <c r="B190" s="240"/>
      <c r="C190" s="241"/>
      <c r="D190" s="241"/>
      <c r="E190" s="241"/>
      <c r="F190" s="241"/>
      <c r="G190" s="241"/>
      <c r="H190" s="241"/>
      <c r="I190" s="242"/>
      <c r="J190" s="69"/>
      <c r="K190" s="69"/>
      <c r="L190" s="69"/>
      <c r="M190" s="62"/>
      <c r="N190" s="63"/>
      <c r="O190" s="63"/>
    </row>
    <row r="191" spans="1:15" ht="21" customHeight="1">
      <c r="A191" s="254"/>
      <c r="B191" s="240"/>
      <c r="C191" s="241"/>
      <c r="D191" s="241"/>
      <c r="E191" s="241"/>
      <c r="F191" s="241"/>
      <c r="G191" s="241"/>
      <c r="H191" s="241"/>
      <c r="I191" s="242"/>
      <c r="J191" s="69"/>
      <c r="K191" s="69"/>
      <c r="L191" s="69"/>
      <c r="M191" s="62"/>
      <c r="N191" s="63"/>
      <c r="O191" s="63"/>
    </row>
    <row r="192" spans="1:15" ht="21" customHeight="1">
      <c r="A192" s="254"/>
      <c r="B192" s="240"/>
      <c r="C192" s="241"/>
      <c r="D192" s="241"/>
      <c r="E192" s="241"/>
      <c r="F192" s="241"/>
      <c r="G192" s="241"/>
      <c r="H192" s="241"/>
      <c r="I192" s="242"/>
      <c r="J192" s="69"/>
      <c r="K192" s="69"/>
      <c r="L192" s="69"/>
      <c r="M192" s="62"/>
      <c r="N192" s="63"/>
      <c r="O192" s="63"/>
    </row>
    <row r="193" spans="1:15" ht="21" customHeight="1">
      <c r="A193" s="19"/>
      <c r="B193" s="240"/>
      <c r="C193" s="241"/>
      <c r="D193" s="241"/>
      <c r="E193" s="241"/>
      <c r="F193" s="241"/>
      <c r="G193" s="241"/>
      <c r="H193" s="241"/>
      <c r="I193" s="242"/>
      <c r="J193" s="69"/>
      <c r="K193" s="69"/>
      <c r="L193" s="69"/>
      <c r="M193" s="62"/>
      <c r="N193" s="63"/>
      <c r="O193" s="63"/>
    </row>
    <row r="194" spans="1:15" ht="21" customHeight="1">
      <c r="A194" s="19"/>
      <c r="B194" s="240"/>
      <c r="C194" s="241"/>
      <c r="D194" s="241"/>
      <c r="E194" s="241"/>
      <c r="F194" s="241"/>
      <c r="G194" s="241"/>
      <c r="H194" s="241"/>
      <c r="I194" s="242"/>
      <c r="J194" s="69"/>
      <c r="K194" s="69"/>
      <c r="L194" s="69"/>
      <c r="M194" s="62"/>
      <c r="N194" s="63"/>
      <c r="O194" s="63"/>
    </row>
    <row r="195" spans="1:15" ht="47.25" customHeight="1">
      <c r="A195" s="19"/>
      <c r="B195" s="211" t="s">
        <v>101</v>
      </c>
      <c r="C195" s="212"/>
      <c r="D195" s="212"/>
      <c r="E195" s="212"/>
      <c r="F195" s="212"/>
      <c r="G195" s="212"/>
      <c r="H195" s="212"/>
      <c r="I195" s="213"/>
      <c r="J195" s="67" t="s">
        <v>21</v>
      </c>
      <c r="K195" s="67" t="s">
        <v>21</v>
      </c>
      <c r="L195" s="67" t="s">
        <v>21</v>
      </c>
      <c r="M195" s="22" t="s">
        <v>27</v>
      </c>
      <c r="N195" s="14"/>
      <c r="O195" s="14"/>
    </row>
    <row r="196" spans="1:15" ht="18.75" customHeight="1">
      <c r="A196" s="19"/>
      <c r="B196" s="211" t="s">
        <v>4</v>
      </c>
      <c r="C196" s="212"/>
      <c r="D196" s="212"/>
      <c r="E196" s="212"/>
      <c r="F196" s="212"/>
      <c r="G196" s="212"/>
      <c r="H196" s="212"/>
      <c r="I196" s="213"/>
      <c r="J196" s="67"/>
      <c r="K196" s="67"/>
      <c r="L196" s="67"/>
      <c r="M196" s="17"/>
      <c r="N196" s="14"/>
      <c r="O196" s="14"/>
    </row>
    <row r="197" spans="1:15" ht="65.25" customHeight="1">
      <c r="A197" s="19"/>
      <c r="B197" s="203" t="s">
        <v>102</v>
      </c>
      <c r="C197" s="204"/>
      <c r="D197" s="204"/>
      <c r="E197" s="204"/>
      <c r="F197" s="204"/>
      <c r="G197" s="204"/>
      <c r="H197" s="204"/>
      <c r="I197" s="205"/>
      <c r="J197" s="67" t="s">
        <v>21</v>
      </c>
      <c r="K197" s="67" t="s">
        <v>21</v>
      </c>
      <c r="L197" s="67" t="s">
        <v>21</v>
      </c>
      <c r="M197" s="232" t="s">
        <v>151</v>
      </c>
      <c r="N197" s="25" t="s">
        <v>306</v>
      </c>
      <c r="O197" s="14"/>
    </row>
    <row r="198" spans="1:15" ht="11.25" customHeight="1">
      <c r="A198" s="14"/>
      <c r="B198" s="203"/>
      <c r="C198" s="204"/>
      <c r="D198" s="204"/>
      <c r="E198" s="204"/>
      <c r="F198" s="204"/>
      <c r="G198" s="204"/>
      <c r="H198" s="204"/>
      <c r="I198" s="205"/>
      <c r="J198" s="67"/>
      <c r="K198" s="67"/>
      <c r="L198" s="67"/>
      <c r="M198" s="232"/>
      <c r="N198" s="25"/>
      <c r="O198" s="14"/>
    </row>
    <row r="199" spans="1:15" ht="77.25" customHeight="1">
      <c r="A199" s="14"/>
      <c r="B199" s="203" t="s">
        <v>109</v>
      </c>
      <c r="C199" s="204"/>
      <c r="D199" s="204"/>
      <c r="E199" s="204"/>
      <c r="F199" s="204"/>
      <c r="G199" s="204"/>
      <c r="H199" s="204"/>
      <c r="I199" s="205"/>
      <c r="J199" s="67" t="s">
        <v>21</v>
      </c>
      <c r="K199" s="67" t="s">
        <v>21</v>
      </c>
      <c r="L199" s="67" t="s">
        <v>21</v>
      </c>
      <c r="M199" s="232"/>
      <c r="N199" s="18" t="s">
        <v>307</v>
      </c>
      <c r="O199" s="14"/>
    </row>
    <row r="200" spans="1:15" ht="29.25" customHeight="1">
      <c r="A200" s="24"/>
      <c r="B200" s="80"/>
      <c r="C200" s="280" t="s">
        <v>85</v>
      </c>
      <c r="D200" s="280"/>
      <c r="E200" s="280"/>
      <c r="F200" s="252"/>
      <c r="G200" s="252"/>
      <c r="H200" s="58" t="s">
        <v>54</v>
      </c>
      <c r="I200" s="81"/>
      <c r="J200" s="67"/>
      <c r="K200" s="67"/>
      <c r="L200" s="67"/>
      <c r="M200" s="22"/>
      <c r="N200" s="14"/>
      <c r="O200" s="14"/>
    </row>
    <row r="201" spans="1:15" ht="21.75" customHeight="1">
      <c r="A201" s="24"/>
      <c r="B201" s="310" t="s">
        <v>152</v>
      </c>
      <c r="C201" s="311"/>
      <c r="D201" s="311"/>
      <c r="E201" s="311"/>
      <c r="F201" s="311"/>
      <c r="G201" s="311"/>
      <c r="H201" s="311"/>
      <c r="I201" s="312"/>
      <c r="J201" s="67"/>
      <c r="K201" s="67"/>
      <c r="L201" s="67"/>
      <c r="M201" s="22"/>
      <c r="N201" s="14"/>
      <c r="O201" s="14"/>
    </row>
    <row r="202" spans="1:15" ht="24.75" customHeight="1">
      <c r="A202" s="14"/>
      <c r="B202" s="203"/>
      <c r="C202" s="204"/>
      <c r="D202" s="204"/>
      <c r="E202" s="204"/>
      <c r="F202" s="204"/>
      <c r="G202" s="204"/>
      <c r="H202" s="204"/>
      <c r="I202" s="205"/>
      <c r="J202" s="67"/>
      <c r="K202" s="67"/>
      <c r="L202" s="67"/>
      <c r="M202" s="22"/>
      <c r="N202" s="25"/>
      <c r="O202" s="14"/>
    </row>
    <row r="203" spans="1:15" ht="63.75" customHeight="1">
      <c r="A203" s="14"/>
      <c r="B203" s="203" t="s">
        <v>110</v>
      </c>
      <c r="C203" s="204"/>
      <c r="D203" s="204"/>
      <c r="E203" s="204"/>
      <c r="F203" s="204"/>
      <c r="G203" s="204"/>
      <c r="H203" s="204"/>
      <c r="I203" s="205"/>
      <c r="J203" s="67" t="s">
        <v>21</v>
      </c>
      <c r="K203" s="67" t="s">
        <v>21</v>
      </c>
      <c r="L203" s="67" t="s">
        <v>21</v>
      </c>
      <c r="M203" s="22"/>
      <c r="N203" s="13"/>
      <c r="O203" s="14"/>
    </row>
    <row r="204" spans="1:15" ht="37.5" customHeight="1">
      <c r="A204" s="14"/>
      <c r="B204" s="203"/>
      <c r="C204" s="204"/>
      <c r="D204" s="204"/>
      <c r="E204" s="204"/>
      <c r="F204" s="204"/>
      <c r="G204" s="204"/>
      <c r="H204" s="204"/>
      <c r="I204" s="205"/>
      <c r="J204" s="67"/>
      <c r="K204" s="67"/>
      <c r="L204" s="67"/>
      <c r="M204" s="22"/>
      <c r="N204" s="14"/>
      <c r="O204" s="14"/>
    </row>
    <row r="205" spans="1:15" ht="60.75" customHeight="1">
      <c r="A205" s="14"/>
      <c r="B205" s="203" t="s">
        <v>111</v>
      </c>
      <c r="C205" s="204"/>
      <c r="D205" s="204"/>
      <c r="E205" s="204"/>
      <c r="F205" s="204"/>
      <c r="G205" s="204"/>
      <c r="H205" s="204"/>
      <c r="I205" s="205"/>
      <c r="J205" s="67" t="s">
        <v>21</v>
      </c>
      <c r="K205" s="67" t="s">
        <v>21</v>
      </c>
      <c r="L205" s="67" t="s">
        <v>21</v>
      </c>
      <c r="M205" s="22"/>
      <c r="N205" s="25" t="s">
        <v>254</v>
      </c>
      <c r="O205" s="14"/>
    </row>
    <row r="206" spans="1:15" ht="15" customHeight="1">
      <c r="A206" s="14"/>
      <c r="B206" s="203"/>
      <c r="C206" s="204"/>
      <c r="D206" s="204"/>
      <c r="E206" s="204"/>
      <c r="F206" s="204"/>
      <c r="G206" s="204"/>
      <c r="H206" s="204"/>
      <c r="I206" s="205"/>
      <c r="J206" s="67"/>
      <c r="K206" s="67"/>
      <c r="L206" s="67"/>
      <c r="M206" s="22"/>
      <c r="N206" s="14"/>
      <c r="O206" s="14"/>
    </row>
    <row r="207" spans="1:15" ht="54" customHeight="1">
      <c r="A207" s="14"/>
      <c r="B207" s="203" t="s">
        <v>103</v>
      </c>
      <c r="C207" s="204"/>
      <c r="D207" s="204"/>
      <c r="E207" s="204"/>
      <c r="F207" s="204"/>
      <c r="G207" s="204"/>
      <c r="H207" s="204"/>
      <c r="I207" s="205"/>
      <c r="J207" s="67"/>
      <c r="K207" s="67"/>
      <c r="L207" s="67" t="s">
        <v>21</v>
      </c>
      <c r="M207" s="22"/>
      <c r="N207" s="55" t="s">
        <v>255</v>
      </c>
      <c r="O207" s="14"/>
    </row>
    <row r="208" spans="1:15" ht="71.25" customHeight="1">
      <c r="A208" s="14"/>
      <c r="B208" s="223" t="s">
        <v>123</v>
      </c>
      <c r="C208" s="224"/>
      <c r="D208" s="224"/>
      <c r="E208" s="224"/>
      <c r="F208" s="224"/>
      <c r="G208" s="224"/>
      <c r="H208" s="224"/>
      <c r="I208" s="225"/>
      <c r="J208" s="67" t="s">
        <v>21</v>
      </c>
      <c r="K208" s="67" t="s">
        <v>21</v>
      </c>
      <c r="L208" s="67"/>
      <c r="M208" s="22"/>
      <c r="N208" s="14"/>
      <c r="O208" s="14"/>
    </row>
    <row r="209" spans="1:15" ht="55.5" customHeight="1">
      <c r="A209" s="14"/>
      <c r="B209" s="223" t="s">
        <v>124</v>
      </c>
      <c r="C209" s="224"/>
      <c r="D209" s="224"/>
      <c r="E209" s="224"/>
      <c r="F209" s="224"/>
      <c r="G209" s="224"/>
      <c r="H209" s="224"/>
      <c r="I209" s="225"/>
      <c r="J209" s="67" t="s">
        <v>21</v>
      </c>
      <c r="K209" s="67" t="s">
        <v>21</v>
      </c>
      <c r="L209" s="67"/>
      <c r="M209" s="22"/>
      <c r="N209" s="14"/>
      <c r="O209" s="14"/>
    </row>
    <row r="210" spans="1:15" ht="41.25" customHeight="1">
      <c r="A210" s="27"/>
      <c r="B210" s="264"/>
      <c r="C210" s="265"/>
      <c r="D210" s="265"/>
      <c r="E210" s="265"/>
      <c r="F210" s="265"/>
      <c r="G210" s="265"/>
      <c r="H210" s="265"/>
      <c r="I210" s="266"/>
      <c r="J210" s="66"/>
      <c r="K210" s="66"/>
      <c r="L210" s="66"/>
      <c r="M210" s="31"/>
      <c r="N210" s="27"/>
      <c r="O210" s="27"/>
    </row>
    <row r="211" spans="1:15" ht="19.5" customHeight="1">
      <c r="A211" s="89" t="s">
        <v>224</v>
      </c>
      <c r="B211" s="90"/>
      <c r="C211" s="90"/>
      <c r="D211" s="90"/>
      <c r="E211" s="90"/>
      <c r="F211" s="90"/>
      <c r="G211" s="90"/>
      <c r="H211" s="90"/>
      <c r="I211" s="90"/>
      <c r="J211" s="90"/>
      <c r="K211" s="90"/>
      <c r="L211" s="90"/>
      <c r="M211" s="91"/>
      <c r="N211" s="195"/>
      <c r="O211" s="196"/>
    </row>
    <row r="212" spans="1:15" ht="18.75" customHeight="1">
      <c r="A212" s="253" t="s">
        <v>225</v>
      </c>
      <c r="B212" s="255" t="s">
        <v>74</v>
      </c>
      <c r="C212" s="256"/>
      <c r="D212" s="256"/>
      <c r="E212" s="256"/>
      <c r="F212" s="256"/>
      <c r="G212" s="256"/>
      <c r="H212" s="256"/>
      <c r="I212" s="257"/>
      <c r="J212" s="65"/>
      <c r="K212" s="65"/>
      <c r="L212" s="65"/>
      <c r="M212" s="32"/>
      <c r="N212" s="30"/>
      <c r="O212" s="30"/>
    </row>
    <row r="213" spans="1:15" ht="59.25" customHeight="1">
      <c r="A213" s="254"/>
      <c r="B213" s="281" t="s">
        <v>308</v>
      </c>
      <c r="C213" s="282"/>
      <c r="D213" s="282"/>
      <c r="E213" s="282"/>
      <c r="F213" s="282"/>
      <c r="G213" s="282"/>
      <c r="H213" s="282"/>
      <c r="I213" s="283"/>
      <c r="J213" s="67"/>
      <c r="K213" s="67"/>
      <c r="L213" s="67"/>
      <c r="M213" s="22"/>
      <c r="N213" s="14"/>
      <c r="O213" s="14"/>
    </row>
    <row r="214" spans="1:15" ht="40.5" customHeight="1">
      <c r="A214" s="39"/>
      <c r="B214" s="281" t="s">
        <v>195</v>
      </c>
      <c r="C214" s="282"/>
      <c r="D214" s="282"/>
      <c r="E214" s="282"/>
      <c r="F214" s="282"/>
      <c r="G214" s="282"/>
      <c r="H214" s="282"/>
      <c r="I214" s="283"/>
      <c r="J214" s="70"/>
      <c r="K214" s="67"/>
      <c r="L214" s="71"/>
      <c r="M214" s="33"/>
      <c r="N214" s="14"/>
      <c r="O214" s="14"/>
    </row>
    <row r="215" spans="1:15" ht="31.5" customHeight="1">
      <c r="A215" s="49"/>
      <c r="B215" s="41"/>
      <c r="C215" s="41"/>
      <c r="D215" s="41"/>
      <c r="E215" s="41"/>
      <c r="F215" s="41"/>
      <c r="G215" s="41"/>
      <c r="H215" s="41"/>
      <c r="I215" s="41"/>
      <c r="J215" s="70"/>
      <c r="K215" s="70"/>
      <c r="L215" s="71"/>
      <c r="M215" s="232" t="s">
        <v>197</v>
      </c>
      <c r="N215" s="14"/>
      <c r="O215" s="14"/>
    </row>
    <row r="216" spans="1:15">
      <c r="A216" s="49"/>
      <c r="B216" s="41"/>
      <c r="C216" s="41"/>
      <c r="D216" s="41"/>
      <c r="E216" s="41"/>
      <c r="F216" s="41"/>
      <c r="G216" s="41"/>
      <c r="H216" s="41"/>
      <c r="I216" s="41"/>
      <c r="J216" s="70"/>
      <c r="K216" s="70"/>
      <c r="L216" s="71"/>
      <c r="M216" s="232"/>
      <c r="N216" s="14"/>
      <c r="O216" s="14"/>
    </row>
    <row r="217" spans="1:15">
      <c r="A217" s="38"/>
      <c r="B217" s="41"/>
      <c r="C217" s="41"/>
      <c r="D217" s="41"/>
      <c r="E217" s="41"/>
      <c r="F217" s="41"/>
      <c r="G217" s="41"/>
      <c r="H217" s="41"/>
      <c r="I217" s="41"/>
      <c r="J217" s="70"/>
      <c r="K217" s="70"/>
      <c r="L217" s="71"/>
      <c r="M217" s="232"/>
      <c r="N217" s="14"/>
      <c r="O217" s="14"/>
    </row>
    <row r="218" spans="1:15">
      <c r="A218" s="38"/>
      <c r="B218" s="41"/>
      <c r="C218" s="41"/>
      <c r="D218" s="41"/>
      <c r="E218" s="41"/>
      <c r="F218" s="41"/>
      <c r="G218" s="41"/>
      <c r="H218" s="41"/>
      <c r="I218" s="41"/>
      <c r="J218" s="70"/>
      <c r="K218" s="70"/>
      <c r="L218" s="71"/>
      <c r="M218" s="232"/>
      <c r="N218" s="14"/>
      <c r="O218" s="14"/>
    </row>
    <row r="219" spans="1:15" ht="31.5" customHeight="1">
      <c r="A219" s="38"/>
      <c r="B219" s="41"/>
      <c r="C219" s="41"/>
      <c r="D219" s="41"/>
      <c r="E219" s="41"/>
      <c r="F219" s="41"/>
      <c r="G219" s="41"/>
      <c r="H219" s="41"/>
      <c r="I219" s="41"/>
      <c r="J219" s="70"/>
      <c r="K219" s="70"/>
      <c r="L219" s="71"/>
      <c r="M219" s="232"/>
      <c r="N219" s="14"/>
      <c r="O219" s="14"/>
    </row>
    <row r="220" spans="1:15">
      <c r="A220" s="38"/>
      <c r="B220" s="41"/>
      <c r="C220" s="41"/>
      <c r="D220" s="41"/>
      <c r="E220" s="41"/>
      <c r="F220" s="41"/>
      <c r="G220" s="41"/>
      <c r="H220" s="41"/>
      <c r="I220" s="41"/>
      <c r="J220" s="70"/>
      <c r="K220" s="70"/>
      <c r="L220" s="71"/>
      <c r="M220" s="232"/>
      <c r="N220" s="14"/>
      <c r="O220" s="14"/>
    </row>
    <row r="221" spans="1:15">
      <c r="A221" s="38"/>
      <c r="B221" s="41"/>
      <c r="C221" s="41"/>
      <c r="D221" s="41"/>
      <c r="E221" s="41"/>
      <c r="F221" s="41"/>
      <c r="G221" s="41"/>
      <c r="H221" s="41"/>
      <c r="I221" s="41"/>
      <c r="J221" s="70"/>
      <c r="K221" s="70"/>
      <c r="L221" s="71"/>
      <c r="M221" s="232"/>
      <c r="N221" s="14"/>
      <c r="O221" s="14"/>
    </row>
    <row r="222" spans="1:15">
      <c r="A222" s="38"/>
      <c r="B222" s="41"/>
      <c r="C222" s="41"/>
      <c r="D222" s="41"/>
      <c r="E222" s="41"/>
      <c r="F222" s="41"/>
      <c r="G222" s="41"/>
      <c r="H222" s="41"/>
      <c r="I222" s="41"/>
      <c r="J222" s="70"/>
      <c r="K222" s="70"/>
      <c r="L222" s="71"/>
      <c r="M222" s="232"/>
      <c r="N222" s="14"/>
      <c r="O222" s="14"/>
    </row>
    <row r="223" spans="1:15">
      <c r="A223" s="38"/>
      <c r="B223" s="41"/>
      <c r="C223" s="41"/>
      <c r="D223" s="41"/>
      <c r="E223" s="41"/>
      <c r="F223" s="41"/>
      <c r="G223" s="41"/>
      <c r="H223" s="41"/>
      <c r="I223" s="41"/>
      <c r="J223" s="70"/>
      <c r="K223" s="70"/>
      <c r="L223" s="71"/>
      <c r="M223" s="232"/>
      <c r="N223" s="14"/>
      <c r="O223" s="14"/>
    </row>
    <row r="224" spans="1:15">
      <c r="A224" s="38"/>
      <c r="B224" s="41"/>
      <c r="C224" s="41"/>
      <c r="D224" s="41"/>
      <c r="E224" s="41"/>
      <c r="F224" s="41"/>
      <c r="G224" s="41"/>
      <c r="H224" s="41"/>
      <c r="I224" s="41"/>
      <c r="J224" s="70"/>
      <c r="K224" s="70"/>
      <c r="L224" s="71"/>
      <c r="M224" s="232"/>
      <c r="N224" s="14"/>
      <c r="O224" s="14"/>
    </row>
    <row r="225" spans="1:15">
      <c r="A225" s="38"/>
      <c r="B225" s="41"/>
      <c r="C225" s="41"/>
      <c r="D225" s="41"/>
      <c r="E225" s="41"/>
      <c r="F225" s="41"/>
      <c r="G225" s="41"/>
      <c r="H225" s="41"/>
      <c r="I225" s="41"/>
      <c r="J225" s="70"/>
      <c r="K225" s="70"/>
      <c r="L225" s="71"/>
      <c r="M225" s="232"/>
      <c r="N225" s="14"/>
      <c r="O225" s="14"/>
    </row>
    <row r="226" spans="1:15" ht="47.25" customHeight="1">
      <c r="A226" s="38"/>
      <c r="B226" s="41"/>
      <c r="C226" s="41"/>
      <c r="D226" s="41"/>
      <c r="E226" s="41"/>
      <c r="F226" s="41"/>
      <c r="G226" s="41"/>
      <c r="H226" s="41"/>
      <c r="I226" s="41"/>
      <c r="J226" s="70"/>
      <c r="K226" s="70"/>
      <c r="L226" s="71"/>
      <c r="M226" s="232"/>
      <c r="N226" s="14"/>
      <c r="O226" s="14"/>
    </row>
    <row r="227" spans="1:15">
      <c r="A227" s="38"/>
      <c r="B227" s="41"/>
      <c r="C227" s="41"/>
      <c r="D227" s="41"/>
      <c r="E227" s="41"/>
      <c r="F227" s="41"/>
      <c r="G227" s="41"/>
      <c r="H227" s="41"/>
      <c r="I227" s="41"/>
      <c r="J227" s="70"/>
      <c r="K227" s="70"/>
      <c r="L227" s="71"/>
      <c r="M227" s="232"/>
      <c r="N227" s="14"/>
      <c r="O227" s="14"/>
    </row>
    <row r="228" spans="1:15">
      <c r="A228" s="38"/>
      <c r="B228" s="41"/>
      <c r="C228" s="41"/>
      <c r="D228" s="41"/>
      <c r="E228" s="41"/>
      <c r="F228" s="41"/>
      <c r="G228" s="41"/>
      <c r="H228" s="41"/>
      <c r="I228" s="41"/>
      <c r="J228" s="70"/>
      <c r="K228" s="70"/>
      <c r="L228" s="71"/>
      <c r="M228" s="33"/>
      <c r="N228" s="14"/>
      <c r="O228" s="14"/>
    </row>
    <row r="229" spans="1:15">
      <c r="A229" s="38"/>
      <c r="B229" s="41"/>
      <c r="C229" s="41"/>
      <c r="D229" s="41"/>
      <c r="E229" s="41"/>
      <c r="F229" s="41"/>
      <c r="G229" s="41"/>
      <c r="H229" s="41"/>
      <c r="I229" s="41"/>
      <c r="J229" s="70"/>
      <c r="K229" s="70"/>
      <c r="L229" s="71"/>
      <c r="M229" s="33"/>
      <c r="N229" s="14"/>
      <c r="O229" s="14"/>
    </row>
    <row r="230" spans="1:15">
      <c r="A230" s="38"/>
      <c r="B230" s="41"/>
      <c r="C230" s="41"/>
      <c r="D230" s="41"/>
      <c r="E230" s="41"/>
      <c r="F230" s="41"/>
      <c r="G230" s="41"/>
      <c r="H230" s="41"/>
      <c r="I230" s="41"/>
      <c r="J230" s="70"/>
      <c r="K230" s="70"/>
      <c r="L230" s="71"/>
      <c r="M230" s="33"/>
      <c r="N230" s="14"/>
      <c r="O230" s="14"/>
    </row>
    <row r="231" spans="1:15">
      <c r="A231" s="38"/>
      <c r="B231" s="41"/>
      <c r="C231" s="41"/>
      <c r="D231" s="41"/>
      <c r="E231" s="41"/>
      <c r="F231" s="41"/>
      <c r="G231" s="41"/>
      <c r="H231" s="41"/>
      <c r="I231" s="41"/>
      <c r="J231" s="70"/>
      <c r="K231" s="70"/>
      <c r="L231" s="71"/>
      <c r="M231" s="33"/>
      <c r="N231" s="14"/>
      <c r="O231" s="14"/>
    </row>
    <row r="232" spans="1:15">
      <c r="A232" s="38"/>
      <c r="B232" s="41"/>
      <c r="C232" s="41"/>
      <c r="D232" s="41"/>
      <c r="E232" s="41"/>
      <c r="F232" s="41"/>
      <c r="G232" s="41"/>
      <c r="H232" s="41"/>
      <c r="I232" s="41"/>
      <c r="J232" s="70"/>
      <c r="K232" s="70"/>
      <c r="L232" s="71"/>
      <c r="M232" s="33"/>
      <c r="N232" s="14"/>
      <c r="O232" s="14"/>
    </row>
    <row r="233" spans="1:15">
      <c r="A233" s="38"/>
      <c r="B233" s="41"/>
      <c r="C233" s="41"/>
      <c r="D233" s="41"/>
      <c r="E233" s="41"/>
      <c r="F233" s="41"/>
      <c r="G233" s="41"/>
      <c r="H233" s="41"/>
      <c r="I233" s="41"/>
      <c r="J233" s="70"/>
      <c r="K233" s="70"/>
      <c r="L233" s="71"/>
      <c r="M233" s="33"/>
      <c r="N233" s="14"/>
      <c r="O233" s="14"/>
    </row>
    <row r="234" spans="1:15">
      <c r="A234" s="38"/>
      <c r="B234" s="41"/>
      <c r="C234" s="41"/>
      <c r="D234" s="41"/>
      <c r="E234" s="41"/>
      <c r="F234" s="41"/>
      <c r="G234" s="41"/>
      <c r="H234" s="41"/>
      <c r="I234" s="41"/>
      <c r="J234" s="70"/>
      <c r="K234" s="70"/>
      <c r="L234" s="71"/>
      <c r="M234" s="33"/>
      <c r="N234" s="14"/>
      <c r="O234" s="14"/>
    </row>
    <row r="235" spans="1:15">
      <c r="A235" s="38"/>
      <c r="B235" s="41"/>
      <c r="C235" s="41"/>
      <c r="D235" s="41"/>
      <c r="E235" s="41"/>
      <c r="F235" s="41"/>
      <c r="G235" s="41"/>
      <c r="H235" s="41"/>
      <c r="I235" s="41"/>
      <c r="J235" s="70"/>
      <c r="K235" s="70"/>
      <c r="L235" s="71"/>
      <c r="M235" s="33"/>
      <c r="N235" s="14"/>
      <c r="O235" s="14"/>
    </row>
    <row r="236" spans="1:15">
      <c r="A236" s="38"/>
      <c r="B236" s="41"/>
      <c r="C236" s="41"/>
      <c r="D236" s="41"/>
      <c r="E236" s="41"/>
      <c r="F236" s="41"/>
      <c r="G236" s="41"/>
      <c r="H236" s="41"/>
      <c r="I236" s="41"/>
      <c r="J236" s="70"/>
      <c r="K236" s="70"/>
      <c r="L236" s="71"/>
      <c r="M236" s="33"/>
      <c r="N236" s="14"/>
      <c r="O236" s="14"/>
    </row>
    <row r="237" spans="1:15">
      <c r="A237" s="38"/>
      <c r="B237" s="41"/>
      <c r="C237" s="41"/>
      <c r="D237" s="41"/>
      <c r="E237" s="41"/>
      <c r="F237" s="41"/>
      <c r="G237" s="41"/>
      <c r="H237" s="41"/>
      <c r="I237" s="41"/>
      <c r="J237" s="70"/>
      <c r="K237" s="70"/>
      <c r="L237" s="71"/>
      <c r="M237" s="33"/>
      <c r="N237" s="14"/>
      <c r="O237" s="14"/>
    </row>
    <row r="238" spans="1:15">
      <c r="A238" s="38"/>
      <c r="B238" s="41"/>
      <c r="C238" s="41"/>
      <c r="D238" s="41"/>
      <c r="E238" s="41"/>
      <c r="F238" s="41"/>
      <c r="G238" s="41"/>
      <c r="H238" s="41"/>
      <c r="I238" s="41"/>
      <c r="J238" s="70"/>
      <c r="K238" s="70"/>
      <c r="L238" s="71"/>
      <c r="M238" s="33"/>
      <c r="N238" s="14"/>
      <c r="O238" s="14"/>
    </row>
    <row r="239" spans="1:15">
      <c r="A239" s="38"/>
      <c r="B239" s="41"/>
      <c r="C239" s="41"/>
      <c r="D239" s="41"/>
      <c r="E239" s="41"/>
      <c r="F239" s="41"/>
      <c r="G239" s="41"/>
      <c r="H239" s="41"/>
      <c r="I239" s="41"/>
      <c r="J239" s="70"/>
      <c r="K239" s="70"/>
      <c r="L239" s="71"/>
      <c r="M239" s="33"/>
      <c r="N239" s="14"/>
      <c r="O239" s="14"/>
    </row>
    <row r="240" spans="1:15">
      <c r="A240" s="38"/>
      <c r="B240" s="41"/>
      <c r="C240" s="41"/>
      <c r="D240" s="41"/>
      <c r="E240" s="41"/>
      <c r="F240" s="41"/>
      <c r="G240" s="41"/>
      <c r="H240" s="41"/>
      <c r="I240" s="41"/>
      <c r="J240" s="70"/>
      <c r="K240" s="70"/>
      <c r="L240" s="71"/>
      <c r="M240" s="33"/>
      <c r="N240" s="14"/>
      <c r="O240" s="14"/>
    </row>
    <row r="241" spans="1:15">
      <c r="A241" s="38"/>
      <c r="B241" s="41"/>
      <c r="C241" s="41"/>
      <c r="D241" s="41"/>
      <c r="E241" s="41"/>
      <c r="F241" s="41"/>
      <c r="G241" s="41"/>
      <c r="H241" s="41"/>
      <c r="I241" s="41"/>
      <c r="J241" s="70"/>
      <c r="K241" s="70"/>
      <c r="L241" s="71"/>
      <c r="M241" s="33"/>
      <c r="N241" s="14"/>
      <c r="O241" s="14"/>
    </row>
    <row r="242" spans="1:15">
      <c r="A242" s="38"/>
      <c r="B242" s="41"/>
      <c r="C242" s="41"/>
      <c r="D242" s="41"/>
      <c r="E242" s="41"/>
      <c r="F242" s="41"/>
      <c r="G242" s="41"/>
      <c r="H242" s="41"/>
      <c r="I242" s="41"/>
      <c r="J242" s="70"/>
      <c r="K242" s="70"/>
      <c r="L242" s="71"/>
      <c r="M242" s="33"/>
      <c r="N242" s="14"/>
      <c r="O242" s="14"/>
    </row>
    <row r="243" spans="1:15">
      <c r="A243" s="38"/>
      <c r="B243" s="41"/>
      <c r="C243" s="41"/>
      <c r="D243" s="41"/>
      <c r="E243" s="41"/>
      <c r="F243" s="41"/>
      <c r="G243" s="41"/>
      <c r="H243" s="41"/>
      <c r="I243" s="41"/>
      <c r="J243" s="70"/>
      <c r="K243" s="70"/>
      <c r="L243" s="71"/>
      <c r="M243" s="33"/>
      <c r="N243" s="14"/>
      <c r="O243" s="14"/>
    </row>
    <row r="244" spans="1:15">
      <c r="A244" s="38"/>
      <c r="B244" s="41"/>
      <c r="C244" s="41"/>
      <c r="D244" s="41"/>
      <c r="E244" s="41"/>
      <c r="F244" s="41"/>
      <c r="G244" s="41"/>
      <c r="H244" s="41"/>
      <c r="I244" s="41"/>
      <c r="J244" s="70"/>
      <c r="K244" s="70"/>
      <c r="L244" s="71"/>
      <c r="M244" s="33"/>
      <c r="N244" s="14"/>
      <c r="O244" s="14"/>
    </row>
    <row r="245" spans="1:15">
      <c r="A245" s="38"/>
      <c r="B245" s="41"/>
      <c r="C245" s="41"/>
      <c r="D245" s="41"/>
      <c r="E245" s="41"/>
      <c r="F245" s="41"/>
      <c r="G245" s="41"/>
      <c r="H245" s="41"/>
      <c r="I245" s="41"/>
      <c r="J245" s="70"/>
      <c r="K245" s="70"/>
      <c r="L245" s="71"/>
      <c r="M245" s="33"/>
      <c r="N245" s="14"/>
      <c r="O245" s="14"/>
    </row>
    <row r="246" spans="1:15">
      <c r="A246" s="38"/>
      <c r="B246" s="41"/>
      <c r="C246" s="41"/>
      <c r="D246" s="41"/>
      <c r="E246" s="41"/>
      <c r="F246" s="41"/>
      <c r="G246" s="41"/>
      <c r="H246" s="41"/>
      <c r="I246" s="41"/>
      <c r="J246" s="70"/>
      <c r="K246" s="70"/>
      <c r="L246" s="71"/>
      <c r="M246" s="33"/>
      <c r="N246" s="14"/>
      <c r="O246" s="14"/>
    </row>
    <row r="247" spans="1:15">
      <c r="A247" s="56" t="s">
        <v>73</v>
      </c>
      <c r="B247" s="41"/>
      <c r="C247" s="41"/>
      <c r="D247" s="41"/>
      <c r="E247" s="41"/>
      <c r="F247" s="41"/>
      <c r="G247" s="41"/>
      <c r="H247" s="41"/>
      <c r="I247" s="41"/>
      <c r="J247" s="70"/>
      <c r="K247" s="70"/>
      <c r="L247" s="71"/>
      <c r="M247" s="33"/>
      <c r="N247" s="14"/>
      <c r="O247" s="14"/>
    </row>
    <row r="248" spans="1:15">
      <c r="A248" s="57" t="s">
        <v>113</v>
      </c>
      <c r="B248" s="41"/>
      <c r="C248" s="41"/>
      <c r="D248" s="41"/>
      <c r="E248" s="41"/>
      <c r="F248" s="41"/>
      <c r="G248" s="41"/>
      <c r="H248" s="41"/>
      <c r="I248" s="41"/>
      <c r="J248" s="70"/>
      <c r="K248" s="70"/>
      <c r="L248" s="71"/>
      <c r="M248" s="33"/>
      <c r="N248" s="14"/>
      <c r="O248" s="14"/>
    </row>
    <row r="249" spans="1:15" ht="25.5" customHeight="1">
      <c r="A249" s="115"/>
      <c r="B249" s="47"/>
      <c r="C249" s="47"/>
      <c r="D249" s="47"/>
      <c r="E249" s="47"/>
      <c r="F249" s="47"/>
      <c r="G249" s="47"/>
      <c r="H249" s="47"/>
      <c r="I249" s="47"/>
      <c r="J249" s="98"/>
      <c r="K249" s="98"/>
      <c r="L249" s="98"/>
      <c r="M249" s="31"/>
      <c r="N249" s="27"/>
      <c r="O249" s="27"/>
    </row>
    <row r="250" spans="1:15" ht="19.5" customHeight="1">
      <c r="A250" s="89" t="s">
        <v>224</v>
      </c>
      <c r="B250" s="90"/>
      <c r="C250" s="90"/>
      <c r="D250" s="90"/>
      <c r="E250" s="90"/>
      <c r="F250" s="90"/>
      <c r="G250" s="90"/>
      <c r="H250" s="90"/>
      <c r="I250" s="90"/>
      <c r="J250" s="90"/>
      <c r="K250" s="90"/>
      <c r="L250" s="90"/>
      <c r="M250" s="91"/>
      <c r="N250" s="195"/>
      <c r="O250" s="196"/>
    </row>
    <row r="251" spans="1:15" ht="21" customHeight="1">
      <c r="A251" s="253" t="s">
        <v>225</v>
      </c>
      <c r="B251" s="255" t="s">
        <v>75</v>
      </c>
      <c r="C251" s="256"/>
      <c r="D251" s="256"/>
      <c r="E251" s="256"/>
      <c r="F251" s="256"/>
      <c r="G251" s="256"/>
      <c r="H251" s="256"/>
      <c r="I251" s="257"/>
      <c r="J251" s="65"/>
      <c r="K251" s="65"/>
      <c r="L251" s="65"/>
      <c r="M251" s="32"/>
      <c r="N251" s="30"/>
      <c r="O251" s="30"/>
    </row>
    <row r="252" spans="1:15" ht="38.25" customHeight="1">
      <c r="A252" s="254"/>
      <c r="B252" s="223" t="s">
        <v>309</v>
      </c>
      <c r="C252" s="224"/>
      <c r="D252" s="224"/>
      <c r="E252" s="224"/>
      <c r="F252" s="224"/>
      <c r="G252" s="224"/>
      <c r="H252" s="224"/>
      <c r="I252" s="225"/>
      <c r="J252" s="67"/>
      <c r="K252" s="67"/>
      <c r="L252" s="67"/>
      <c r="M252" s="22"/>
      <c r="N252" s="14"/>
      <c r="O252" s="14"/>
    </row>
    <row r="253" spans="1:15" ht="41.25" customHeight="1">
      <c r="A253" s="254"/>
      <c r="B253" s="203" t="s">
        <v>173</v>
      </c>
      <c r="C253" s="204"/>
      <c r="D253" s="204"/>
      <c r="E253" s="204"/>
      <c r="F253" s="204"/>
      <c r="G253" s="204"/>
      <c r="H253" s="204"/>
      <c r="I253" s="205"/>
      <c r="J253" s="67" t="s">
        <v>21</v>
      </c>
      <c r="K253" s="67" t="s">
        <v>21</v>
      </c>
      <c r="L253" s="67" t="s">
        <v>21</v>
      </c>
      <c r="M253" s="22"/>
      <c r="N253" s="25" t="s">
        <v>307</v>
      </c>
      <c r="O253" s="14"/>
    </row>
    <row r="254" spans="1:15" ht="10.5" customHeight="1">
      <c r="A254" s="14"/>
      <c r="B254" s="203"/>
      <c r="C254" s="204"/>
      <c r="D254" s="204"/>
      <c r="E254" s="204"/>
      <c r="F254" s="204"/>
      <c r="G254" s="204"/>
      <c r="H254" s="204"/>
      <c r="I254" s="205"/>
      <c r="J254" s="67"/>
      <c r="K254" s="67"/>
      <c r="L254" s="67"/>
      <c r="M254" s="22"/>
      <c r="N254" s="14"/>
      <c r="O254" s="14"/>
    </row>
    <row r="255" spans="1:15" ht="23.25" customHeight="1">
      <c r="A255" s="14"/>
      <c r="B255" s="203" t="s">
        <v>115</v>
      </c>
      <c r="C255" s="204"/>
      <c r="D255" s="204"/>
      <c r="E255" s="204"/>
      <c r="F255" s="204"/>
      <c r="G255" s="204"/>
      <c r="H255" s="204"/>
      <c r="I255" s="205"/>
      <c r="J255" s="67"/>
      <c r="K255" s="67"/>
      <c r="L255" s="67" t="s">
        <v>21</v>
      </c>
      <c r="M255" s="22"/>
      <c r="N255" s="54" t="s">
        <v>310</v>
      </c>
      <c r="O255" s="14"/>
    </row>
    <row r="256" spans="1:15" ht="27.75" customHeight="1">
      <c r="A256" s="14"/>
      <c r="B256" s="223" t="s">
        <v>89</v>
      </c>
      <c r="C256" s="224"/>
      <c r="D256" s="224"/>
      <c r="E256" s="224"/>
      <c r="F256" s="224"/>
      <c r="G256" s="224"/>
      <c r="H256" s="224"/>
      <c r="I256" s="225"/>
      <c r="J256" s="67" t="s">
        <v>21</v>
      </c>
      <c r="K256" s="67" t="s">
        <v>21</v>
      </c>
      <c r="L256" s="67"/>
      <c r="M256" s="22"/>
      <c r="N256" s="14"/>
      <c r="O256" s="14"/>
    </row>
    <row r="257" spans="1:15" ht="27.75" customHeight="1">
      <c r="A257" s="14"/>
      <c r="B257" s="223" t="s">
        <v>114</v>
      </c>
      <c r="C257" s="224"/>
      <c r="D257" s="224"/>
      <c r="E257" s="224"/>
      <c r="F257" s="224"/>
      <c r="G257" s="224"/>
      <c r="H257" s="224"/>
      <c r="I257" s="225"/>
      <c r="J257" s="67" t="s">
        <v>21</v>
      </c>
      <c r="K257" s="67" t="s">
        <v>21</v>
      </c>
      <c r="L257" s="67"/>
      <c r="M257" s="22"/>
      <c r="N257" s="14"/>
      <c r="O257" s="14"/>
    </row>
    <row r="258" spans="1:15" ht="10.5" customHeight="1">
      <c r="A258" s="14"/>
      <c r="B258" s="203"/>
      <c r="C258" s="204"/>
      <c r="D258" s="204"/>
      <c r="E258" s="204"/>
      <c r="F258" s="204"/>
      <c r="G258" s="204"/>
      <c r="H258" s="204"/>
      <c r="I258" s="205"/>
      <c r="J258" s="67"/>
      <c r="K258" s="67"/>
      <c r="L258" s="67"/>
      <c r="M258" s="22"/>
      <c r="N258" s="14"/>
      <c r="O258" s="14"/>
    </row>
    <row r="259" spans="1:15" ht="61.9" customHeight="1">
      <c r="A259" s="14"/>
      <c r="B259" s="220" t="s">
        <v>214</v>
      </c>
      <c r="C259" s="221"/>
      <c r="D259" s="221"/>
      <c r="E259" s="221"/>
      <c r="F259" s="221"/>
      <c r="G259" s="221"/>
      <c r="H259" s="221"/>
      <c r="I259" s="222"/>
      <c r="J259" s="67" t="s">
        <v>21</v>
      </c>
      <c r="K259" s="67" t="s">
        <v>21</v>
      </c>
      <c r="L259" s="67"/>
      <c r="M259" s="22"/>
      <c r="N259" s="25"/>
      <c r="O259" s="14"/>
    </row>
    <row r="260" spans="1:15" ht="12" customHeight="1">
      <c r="A260" s="14"/>
      <c r="B260" s="220"/>
      <c r="C260" s="221"/>
      <c r="D260" s="221"/>
      <c r="E260" s="221"/>
      <c r="F260" s="221"/>
      <c r="G260" s="221"/>
      <c r="H260" s="221"/>
      <c r="I260" s="222"/>
      <c r="J260" s="67"/>
      <c r="K260" s="67"/>
      <c r="L260" s="67"/>
      <c r="M260" s="22"/>
      <c r="N260" s="14"/>
      <c r="O260" s="14"/>
    </row>
    <row r="261" spans="1:15" ht="19.5" customHeight="1">
      <c r="A261" s="14"/>
      <c r="B261" s="206" t="s">
        <v>104</v>
      </c>
      <c r="C261" s="207"/>
      <c r="D261" s="207"/>
      <c r="E261" s="207"/>
      <c r="F261" s="207"/>
      <c r="G261" s="207"/>
      <c r="H261" s="207"/>
      <c r="I261" s="208"/>
      <c r="J261" s="67"/>
      <c r="K261" s="67"/>
      <c r="L261" s="67" t="s">
        <v>21</v>
      </c>
      <c r="M261" s="22"/>
      <c r="N261" s="29"/>
      <c r="O261" s="14"/>
    </row>
    <row r="262" spans="1:15" ht="24" customHeight="1">
      <c r="A262" s="14"/>
      <c r="B262" s="233" t="s">
        <v>196</v>
      </c>
      <c r="C262" s="234"/>
      <c r="D262" s="234"/>
      <c r="E262" s="234"/>
      <c r="F262" s="234"/>
      <c r="G262" s="234"/>
      <c r="H262" s="234"/>
      <c r="I262" s="235"/>
      <c r="J262" s="67"/>
      <c r="K262" s="67"/>
      <c r="L262" s="67"/>
      <c r="M262" s="22"/>
      <c r="N262" s="29"/>
      <c r="O262" s="14"/>
    </row>
    <row r="263" spans="1:15" ht="58.5" customHeight="1">
      <c r="A263" s="14"/>
      <c r="B263" s="220" t="s">
        <v>160</v>
      </c>
      <c r="C263" s="221"/>
      <c r="D263" s="221"/>
      <c r="E263" s="221"/>
      <c r="F263" s="221"/>
      <c r="G263" s="221"/>
      <c r="H263" s="221"/>
      <c r="I263" s="222"/>
      <c r="J263" s="67" t="s">
        <v>21</v>
      </c>
      <c r="K263" s="67" t="s">
        <v>21</v>
      </c>
      <c r="L263" s="67"/>
      <c r="M263" s="232" t="s">
        <v>177</v>
      </c>
      <c r="N263" s="29"/>
      <c r="O263" s="14"/>
    </row>
    <row r="264" spans="1:15" ht="40.5" customHeight="1">
      <c r="A264" s="14"/>
      <c r="B264" s="220" t="s">
        <v>179</v>
      </c>
      <c r="C264" s="221"/>
      <c r="D264" s="221"/>
      <c r="E264" s="221"/>
      <c r="F264" s="221"/>
      <c r="G264" s="221"/>
      <c r="H264" s="221"/>
      <c r="I264" s="222"/>
      <c r="J264" s="67" t="s">
        <v>21</v>
      </c>
      <c r="K264" s="67" t="s">
        <v>21</v>
      </c>
      <c r="L264" s="67"/>
      <c r="M264" s="232"/>
      <c r="N264" s="14"/>
      <c r="O264" s="14"/>
    </row>
    <row r="265" spans="1:15" ht="43.15" customHeight="1">
      <c r="A265" s="14"/>
      <c r="B265" s="267"/>
      <c r="C265" s="268"/>
      <c r="D265" s="268"/>
      <c r="E265" s="268"/>
      <c r="F265" s="268"/>
      <c r="G265" s="268"/>
      <c r="H265" s="268"/>
      <c r="I265" s="269"/>
      <c r="J265" s="67"/>
      <c r="K265" s="67"/>
      <c r="L265" s="67"/>
      <c r="M265" s="232"/>
      <c r="N265" s="14"/>
      <c r="O265" s="14"/>
    </row>
    <row r="266" spans="1:15" ht="21" customHeight="1">
      <c r="A266" s="14"/>
      <c r="B266" s="211" t="s">
        <v>76</v>
      </c>
      <c r="C266" s="212"/>
      <c r="D266" s="212"/>
      <c r="E266" s="212"/>
      <c r="F266" s="212"/>
      <c r="G266" s="212"/>
      <c r="H266" s="212"/>
      <c r="I266" s="213"/>
      <c r="J266" s="67"/>
      <c r="K266" s="67"/>
      <c r="L266" s="67"/>
      <c r="M266" s="22"/>
      <c r="N266" s="14"/>
      <c r="O266" s="14"/>
    </row>
    <row r="267" spans="1:15" ht="60" customHeight="1">
      <c r="A267" s="14"/>
      <c r="B267" s="203" t="s">
        <v>153</v>
      </c>
      <c r="C267" s="204"/>
      <c r="D267" s="204"/>
      <c r="E267" s="204"/>
      <c r="F267" s="204"/>
      <c r="G267" s="204"/>
      <c r="H267" s="204"/>
      <c r="I267" s="205"/>
      <c r="J267" s="67" t="s">
        <v>21</v>
      </c>
      <c r="K267" s="67" t="s">
        <v>21</v>
      </c>
      <c r="L267" s="67"/>
      <c r="M267" s="22" t="s">
        <v>24</v>
      </c>
      <c r="N267" s="13"/>
      <c r="O267" s="14"/>
    </row>
    <row r="268" spans="1:15" ht="22.5" customHeight="1">
      <c r="A268" s="14"/>
      <c r="B268" s="304" t="s">
        <v>117</v>
      </c>
      <c r="C268" s="305"/>
      <c r="D268" s="305"/>
      <c r="E268" s="305"/>
      <c r="F268" s="305"/>
      <c r="G268" s="305"/>
      <c r="H268" s="305"/>
      <c r="I268" s="306"/>
      <c r="J268" s="67"/>
      <c r="K268" s="67"/>
      <c r="L268" s="67"/>
      <c r="M268" s="22"/>
      <c r="N268" s="14"/>
      <c r="O268" s="14"/>
    </row>
    <row r="269" spans="1:15" ht="22.5" customHeight="1">
      <c r="A269" s="14"/>
      <c r="B269" s="39" t="s">
        <v>66</v>
      </c>
      <c r="C269" s="252"/>
      <c r="D269" s="252"/>
      <c r="E269" s="44" t="s">
        <v>68</v>
      </c>
      <c r="F269" s="252"/>
      <c r="G269" s="252"/>
      <c r="H269" s="44" t="s">
        <v>67</v>
      </c>
      <c r="I269" s="40"/>
      <c r="J269" s="67"/>
      <c r="K269" s="67"/>
      <c r="L269" s="67"/>
      <c r="M269" s="22"/>
      <c r="N269" s="14"/>
      <c r="O269" s="14"/>
    </row>
    <row r="270" spans="1:15" ht="12.75" customHeight="1">
      <c r="A270" s="14"/>
      <c r="B270" s="270"/>
      <c r="C270" s="271"/>
      <c r="D270" s="271"/>
      <c r="E270" s="271"/>
      <c r="F270" s="271"/>
      <c r="G270" s="271"/>
      <c r="H270" s="271"/>
      <c r="I270" s="272"/>
      <c r="J270" s="67"/>
      <c r="K270" s="67"/>
      <c r="L270" s="67"/>
      <c r="M270" s="22"/>
      <c r="N270" s="14"/>
      <c r="O270" s="14"/>
    </row>
    <row r="271" spans="1:15" ht="95.25" customHeight="1">
      <c r="A271" s="14"/>
      <c r="B271" s="203" t="s">
        <v>154</v>
      </c>
      <c r="C271" s="204"/>
      <c r="D271" s="204"/>
      <c r="E271" s="204"/>
      <c r="F271" s="204"/>
      <c r="G271" s="204"/>
      <c r="H271" s="204"/>
      <c r="I271" s="205"/>
      <c r="J271" s="67" t="s">
        <v>21</v>
      </c>
      <c r="K271" s="67" t="s">
        <v>21</v>
      </c>
      <c r="L271" s="67"/>
      <c r="M271" s="22" t="s">
        <v>28</v>
      </c>
      <c r="N271" s="14"/>
      <c r="O271" s="14"/>
    </row>
    <row r="272" spans="1:15" ht="11.25" customHeight="1">
      <c r="A272" s="14"/>
      <c r="B272" s="270"/>
      <c r="C272" s="271"/>
      <c r="D272" s="271"/>
      <c r="E272" s="271"/>
      <c r="F272" s="271"/>
      <c r="G272" s="271"/>
      <c r="H272" s="271"/>
      <c r="I272" s="272"/>
      <c r="J272" s="67"/>
      <c r="K272" s="67"/>
      <c r="L272" s="67"/>
      <c r="M272" s="22"/>
      <c r="N272" s="14"/>
      <c r="O272" s="14"/>
    </row>
    <row r="273" spans="1:15" ht="21" customHeight="1">
      <c r="A273" s="14"/>
      <c r="B273" s="211" t="s">
        <v>174</v>
      </c>
      <c r="C273" s="212"/>
      <c r="D273" s="212"/>
      <c r="E273" s="212"/>
      <c r="F273" s="212"/>
      <c r="G273" s="212"/>
      <c r="H273" s="212"/>
      <c r="I273" s="213"/>
      <c r="J273" s="67"/>
      <c r="K273" s="67"/>
      <c r="L273" s="67" t="s">
        <v>21</v>
      </c>
      <c r="M273" s="22"/>
      <c r="N273" s="14"/>
      <c r="O273" s="14"/>
    </row>
    <row r="274" spans="1:15" ht="34.5" customHeight="1">
      <c r="A274" s="14"/>
      <c r="B274" s="233" t="s">
        <v>183</v>
      </c>
      <c r="C274" s="234"/>
      <c r="D274" s="234"/>
      <c r="E274" s="234"/>
      <c r="F274" s="234"/>
      <c r="G274" s="234"/>
      <c r="H274" s="234"/>
      <c r="I274" s="235"/>
      <c r="J274" s="67"/>
      <c r="K274" s="67"/>
      <c r="L274" s="67"/>
      <c r="M274" s="22"/>
      <c r="N274" s="14"/>
      <c r="O274" s="14"/>
    </row>
    <row r="275" spans="1:15" ht="44.25" customHeight="1">
      <c r="A275" s="14"/>
      <c r="B275" s="223" t="s">
        <v>257</v>
      </c>
      <c r="C275" s="224"/>
      <c r="D275" s="224"/>
      <c r="E275" s="224"/>
      <c r="F275" s="224"/>
      <c r="G275" s="224"/>
      <c r="H275" s="224"/>
      <c r="I275" s="225"/>
      <c r="J275" s="67" t="s">
        <v>21</v>
      </c>
      <c r="K275" s="67" t="s">
        <v>21</v>
      </c>
      <c r="L275" s="67"/>
      <c r="M275" s="22"/>
      <c r="N275" s="254"/>
      <c r="O275" s="14"/>
    </row>
    <row r="276" spans="1:15" ht="24.75" customHeight="1">
      <c r="A276" s="14"/>
      <c r="B276" s="223" t="s">
        <v>116</v>
      </c>
      <c r="C276" s="224"/>
      <c r="D276" s="224"/>
      <c r="E276" s="224"/>
      <c r="F276" s="224"/>
      <c r="G276" s="224"/>
      <c r="H276" s="224"/>
      <c r="I276" s="225"/>
      <c r="J276" s="67" t="s">
        <v>21</v>
      </c>
      <c r="K276" s="67" t="s">
        <v>21</v>
      </c>
      <c r="L276" s="67"/>
      <c r="M276" s="22"/>
      <c r="N276" s="254"/>
      <c r="O276" s="14"/>
    </row>
    <row r="277" spans="1:15" ht="12.75" customHeight="1">
      <c r="A277" s="27"/>
      <c r="B277" s="264"/>
      <c r="C277" s="265"/>
      <c r="D277" s="265"/>
      <c r="E277" s="265"/>
      <c r="F277" s="265"/>
      <c r="G277" s="265"/>
      <c r="H277" s="265"/>
      <c r="I277" s="266"/>
      <c r="J277" s="66"/>
      <c r="K277" s="66"/>
      <c r="L277" s="66"/>
      <c r="M277" s="31"/>
      <c r="N277" s="27"/>
      <c r="O277" s="27"/>
    </row>
    <row r="278" spans="1:15" ht="18" customHeight="1">
      <c r="A278" s="89" t="s">
        <v>224</v>
      </c>
      <c r="B278" s="90"/>
      <c r="C278" s="90"/>
      <c r="D278" s="90"/>
      <c r="E278" s="90"/>
      <c r="F278" s="90"/>
      <c r="G278" s="90"/>
      <c r="H278" s="90"/>
      <c r="I278" s="90"/>
      <c r="J278" s="90"/>
      <c r="K278" s="90"/>
      <c r="L278" s="90"/>
      <c r="M278" s="91"/>
      <c r="N278" s="195"/>
      <c r="O278" s="196"/>
    </row>
    <row r="279" spans="1:15" ht="21.75" customHeight="1">
      <c r="A279" s="253" t="s">
        <v>225</v>
      </c>
      <c r="B279" s="255" t="s">
        <v>6</v>
      </c>
      <c r="C279" s="256"/>
      <c r="D279" s="256"/>
      <c r="E279" s="256"/>
      <c r="F279" s="256"/>
      <c r="G279" s="256"/>
      <c r="H279" s="256"/>
      <c r="I279" s="257"/>
      <c r="J279" s="65"/>
      <c r="K279" s="65"/>
      <c r="L279" s="65"/>
      <c r="M279" s="32"/>
      <c r="N279" s="11"/>
      <c r="O279" s="30"/>
    </row>
    <row r="280" spans="1:15" ht="42.75" customHeight="1">
      <c r="A280" s="254"/>
      <c r="B280" s="203" t="s">
        <v>105</v>
      </c>
      <c r="C280" s="204"/>
      <c r="D280" s="204"/>
      <c r="E280" s="204"/>
      <c r="F280" s="204"/>
      <c r="G280" s="204"/>
      <c r="H280" s="204"/>
      <c r="I280" s="205"/>
      <c r="J280" s="67" t="s">
        <v>21</v>
      </c>
      <c r="K280" s="67" t="s">
        <v>21</v>
      </c>
      <c r="L280" s="67"/>
      <c r="M280" s="232" t="s">
        <v>191</v>
      </c>
      <c r="N280" s="19"/>
      <c r="O280" s="14"/>
    </row>
    <row r="281" spans="1:15" ht="27.75" customHeight="1">
      <c r="A281" s="254"/>
      <c r="B281" s="249" t="s">
        <v>77</v>
      </c>
      <c r="C281" s="250"/>
      <c r="D281" s="250"/>
      <c r="E281" s="250"/>
      <c r="F281" s="250"/>
      <c r="G281" s="250"/>
      <c r="H281" s="250"/>
      <c r="I281" s="251"/>
      <c r="J281" s="67"/>
      <c r="K281" s="67"/>
      <c r="L281" s="67"/>
      <c r="M281" s="232"/>
      <c r="N281" s="14"/>
      <c r="O281" s="14"/>
    </row>
    <row r="282" spans="1:15" ht="27.75" customHeight="1">
      <c r="A282" s="254"/>
      <c r="B282" s="39" t="s">
        <v>66</v>
      </c>
      <c r="C282" s="252"/>
      <c r="D282" s="252"/>
      <c r="E282" s="44" t="s">
        <v>68</v>
      </c>
      <c r="F282" s="252"/>
      <c r="G282" s="252"/>
      <c r="H282" s="44" t="s">
        <v>67</v>
      </c>
      <c r="I282" s="40"/>
      <c r="J282" s="67"/>
      <c r="K282" s="67"/>
      <c r="L282" s="67"/>
      <c r="M282" s="22"/>
      <c r="N282" s="14"/>
      <c r="O282" s="14"/>
    </row>
    <row r="283" spans="1:15" ht="44.25" customHeight="1">
      <c r="A283" s="254"/>
      <c r="B283" s="261"/>
      <c r="C283" s="262"/>
      <c r="D283" s="262"/>
      <c r="E283" s="262"/>
      <c r="F283" s="262"/>
      <c r="G283" s="262"/>
      <c r="H283" s="262"/>
      <c r="I283" s="263"/>
      <c r="J283" s="67"/>
      <c r="K283" s="67"/>
      <c r="L283" s="67"/>
      <c r="M283" s="22"/>
      <c r="N283" s="13"/>
      <c r="O283" s="14"/>
    </row>
    <row r="284" spans="1:15" ht="48.75" customHeight="1">
      <c r="A284" s="254"/>
      <c r="B284" s="261"/>
      <c r="C284" s="262"/>
      <c r="D284" s="262"/>
      <c r="E284" s="262"/>
      <c r="F284" s="262"/>
      <c r="G284" s="262"/>
      <c r="H284" s="262"/>
      <c r="I284" s="263"/>
      <c r="J284" s="67"/>
      <c r="K284" s="67"/>
      <c r="L284" s="67"/>
      <c r="M284" s="22"/>
      <c r="N284" s="13"/>
      <c r="O284" s="14"/>
    </row>
    <row r="285" spans="1:15" ht="36.75" customHeight="1">
      <c r="A285" s="254"/>
      <c r="B285" s="261"/>
      <c r="C285" s="262"/>
      <c r="D285" s="262"/>
      <c r="E285" s="262"/>
      <c r="F285" s="262"/>
      <c r="G285" s="262"/>
      <c r="H285" s="262"/>
      <c r="I285" s="263"/>
      <c r="J285" s="67"/>
      <c r="K285" s="67"/>
      <c r="L285" s="67"/>
      <c r="M285" s="22"/>
      <c r="N285" s="13"/>
      <c r="O285" s="14"/>
    </row>
    <row r="286" spans="1:15" ht="55.5" customHeight="1">
      <c r="A286" s="254"/>
      <c r="B286" s="261"/>
      <c r="C286" s="262"/>
      <c r="D286" s="262"/>
      <c r="E286" s="262"/>
      <c r="F286" s="262"/>
      <c r="G286" s="262"/>
      <c r="H286" s="262"/>
      <c r="I286" s="263"/>
      <c r="J286" s="67"/>
      <c r="K286" s="67"/>
      <c r="L286" s="67"/>
      <c r="M286" s="22"/>
      <c r="N286" s="13"/>
      <c r="O286" s="14"/>
    </row>
    <row r="287" spans="1:15" ht="78.75" customHeight="1">
      <c r="A287" s="254"/>
      <c r="B287" s="261"/>
      <c r="C287" s="262"/>
      <c r="D287" s="262"/>
      <c r="E287" s="262"/>
      <c r="F287" s="262"/>
      <c r="G287" s="262"/>
      <c r="H287" s="262"/>
      <c r="I287" s="263"/>
      <c r="J287" s="67"/>
      <c r="K287" s="67"/>
      <c r="L287" s="67"/>
      <c r="M287" s="22"/>
      <c r="N287" s="13"/>
      <c r="O287" s="14"/>
    </row>
    <row r="288" spans="1:15" ht="12" customHeight="1">
      <c r="A288" s="254"/>
      <c r="B288" s="261"/>
      <c r="C288" s="262"/>
      <c r="D288" s="262"/>
      <c r="E288" s="262"/>
      <c r="F288" s="262"/>
      <c r="G288" s="262"/>
      <c r="H288" s="262"/>
      <c r="I288" s="263"/>
      <c r="J288" s="67"/>
      <c r="K288" s="67"/>
      <c r="L288" s="67"/>
      <c r="M288" s="22"/>
      <c r="N288" s="13"/>
      <c r="O288" s="14"/>
    </row>
    <row r="289" spans="1:15" ht="21" customHeight="1">
      <c r="A289" s="254"/>
      <c r="B289" s="203" t="s">
        <v>86</v>
      </c>
      <c r="C289" s="204"/>
      <c r="D289" s="204"/>
      <c r="E289" s="204"/>
      <c r="F289" s="204"/>
      <c r="G289" s="204"/>
      <c r="H289" s="204"/>
      <c r="I289" s="205"/>
      <c r="J289" s="67"/>
      <c r="K289" s="67"/>
      <c r="L289" s="67" t="s">
        <v>21</v>
      </c>
      <c r="M289" s="22"/>
      <c r="N289" s="13"/>
      <c r="O289" s="14"/>
    </row>
    <row r="290" spans="1:15" ht="42" customHeight="1">
      <c r="A290" s="24"/>
      <c r="B290" s="233" t="s">
        <v>184</v>
      </c>
      <c r="C290" s="234"/>
      <c r="D290" s="234"/>
      <c r="E290" s="234"/>
      <c r="F290" s="234"/>
      <c r="G290" s="234"/>
      <c r="H290" s="234"/>
      <c r="I290" s="235"/>
      <c r="J290" s="67"/>
      <c r="K290" s="67"/>
      <c r="L290" s="67"/>
      <c r="M290" s="22"/>
      <c r="N290" s="13"/>
      <c r="O290" s="14"/>
    </row>
    <row r="291" spans="1:15" ht="61.15" customHeight="1">
      <c r="A291" s="24"/>
      <c r="B291" s="233" t="s">
        <v>198</v>
      </c>
      <c r="C291" s="234"/>
      <c r="D291" s="234"/>
      <c r="E291" s="234"/>
      <c r="F291" s="234"/>
      <c r="G291" s="234"/>
      <c r="H291" s="234"/>
      <c r="I291" s="235"/>
      <c r="J291" s="67"/>
      <c r="K291" s="67"/>
      <c r="L291" s="67"/>
      <c r="M291" s="22"/>
      <c r="N291" s="13"/>
      <c r="O291" s="14"/>
    </row>
    <row r="292" spans="1:15" ht="58.5" customHeight="1">
      <c r="A292" s="14"/>
      <c r="B292" s="223" t="s">
        <v>126</v>
      </c>
      <c r="C292" s="224"/>
      <c r="D292" s="224"/>
      <c r="E292" s="224"/>
      <c r="F292" s="224"/>
      <c r="G292" s="224"/>
      <c r="H292" s="224"/>
      <c r="I292" s="225"/>
      <c r="J292" s="67" t="s">
        <v>21</v>
      </c>
      <c r="K292" s="67" t="s">
        <v>21</v>
      </c>
      <c r="L292" s="67"/>
      <c r="M292" s="22" t="s">
        <v>149</v>
      </c>
      <c r="N292" s="19"/>
      <c r="O292" s="14"/>
    </row>
    <row r="293" spans="1:15" ht="48.75" customHeight="1">
      <c r="A293" s="14"/>
      <c r="B293" s="223" t="s">
        <v>125</v>
      </c>
      <c r="C293" s="224"/>
      <c r="D293" s="224"/>
      <c r="E293" s="224"/>
      <c r="F293" s="224"/>
      <c r="G293" s="224"/>
      <c r="H293" s="224"/>
      <c r="I293" s="225"/>
      <c r="J293" s="67" t="s">
        <v>21</v>
      </c>
      <c r="K293" s="67" t="s">
        <v>21</v>
      </c>
      <c r="L293" s="67"/>
      <c r="M293" s="22"/>
      <c r="N293" s="13"/>
      <c r="O293" s="14"/>
    </row>
    <row r="294" spans="1:15" ht="62.25" customHeight="1">
      <c r="A294" s="14"/>
      <c r="B294" s="246" t="s">
        <v>175</v>
      </c>
      <c r="C294" s="247"/>
      <c r="D294" s="247"/>
      <c r="E294" s="247"/>
      <c r="F294" s="247"/>
      <c r="G294" s="247"/>
      <c r="H294" s="247"/>
      <c r="I294" s="248"/>
      <c r="J294" s="67" t="s">
        <v>21</v>
      </c>
      <c r="K294" s="67" t="s">
        <v>21</v>
      </c>
      <c r="L294" s="67" t="s">
        <v>21</v>
      </c>
      <c r="M294" s="232" t="s">
        <v>155</v>
      </c>
      <c r="N294" s="13"/>
      <c r="O294" s="14"/>
    </row>
    <row r="295" spans="1:15" ht="24.75" customHeight="1">
      <c r="A295" s="14"/>
      <c r="B295" s="243" t="s">
        <v>78</v>
      </c>
      <c r="C295" s="244"/>
      <c r="D295" s="244"/>
      <c r="E295" s="244"/>
      <c r="F295" s="244"/>
      <c r="G295" s="244"/>
      <c r="H295" s="244"/>
      <c r="I295" s="245"/>
      <c r="J295" s="67"/>
      <c r="K295" s="67"/>
      <c r="L295" s="67"/>
      <c r="M295" s="232"/>
      <c r="N295" s="13"/>
      <c r="O295" s="14"/>
    </row>
    <row r="296" spans="1:15" ht="63.75" customHeight="1">
      <c r="A296" s="14"/>
      <c r="B296" s="236" t="s">
        <v>193</v>
      </c>
      <c r="C296" s="236"/>
      <c r="D296" s="236"/>
      <c r="E296" s="236"/>
      <c r="F296" s="236"/>
      <c r="G296" s="236"/>
      <c r="H296" s="236"/>
      <c r="I296" s="236"/>
      <c r="J296" s="67"/>
      <c r="K296" s="67"/>
      <c r="L296" s="67"/>
      <c r="M296" s="232"/>
      <c r="N296" s="13"/>
      <c r="O296" s="14"/>
    </row>
    <row r="297" spans="1:15" ht="44.25" customHeight="1">
      <c r="A297" s="14"/>
      <c r="B297" s="236" t="s">
        <v>106</v>
      </c>
      <c r="C297" s="236"/>
      <c r="D297" s="236"/>
      <c r="E297" s="236"/>
      <c r="F297" s="236"/>
      <c r="G297" s="236"/>
      <c r="H297" s="236"/>
      <c r="I297" s="236"/>
      <c r="J297" s="67"/>
      <c r="K297" s="67"/>
      <c r="L297" s="67"/>
      <c r="M297" s="232"/>
      <c r="N297" s="13"/>
      <c r="O297" s="14"/>
    </row>
    <row r="298" spans="1:15" ht="16.899999999999999" customHeight="1">
      <c r="A298" s="27"/>
      <c r="B298" s="277"/>
      <c r="C298" s="278"/>
      <c r="D298" s="278"/>
      <c r="E298" s="278"/>
      <c r="F298" s="278"/>
      <c r="G298" s="278"/>
      <c r="H298" s="278"/>
      <c r="I298" s="279"/>
      <c r="J298" s="72"/>
      <c r="K298" s="72"/>
      <c r="L298" s="72"/>
      <c r="M298" s="27"/>
      <c r="N298" s="10"/>
      <c r="O298" s="27"/>
    </row>
  </sheetData>
  <sheetProtection formatCells="0"/>
  <mergeCells count="290">
    <mergeCell ref="M156:M159"/>
    <mergeCell ref="E75:F75"/>
    <mergeCell ref="G75:H75"/>
    <mergeCell ref="B68:I68"/>
    <mergeCell ref="B140:I141"/>
    <mergeCell ref="C143:E143"/>
    <mergeCell ref="F143:G143"/>
    <mergeCell ref="B148:I148"/>
    <mergeCell ref="B157:I157"/>
    <mergeCell ref="C74:D74"/>
    <mergeCell ref="E74:F74"/>
    <mergeCell ref="G74:H74"/>
    <mergeCell ref="C75:D75"/>
    <mergeCell ref="B81:I81"/>
    <mergeCell ref="F110:G110"/>
    <mergeCell ref="B97:I97"/>
    <mergeCell ref="B98:I98"/>
    <mergeCell ref="B93:I93"/>
    <mergeCell ref="B159:I159"/>
    <mergeCell ref="B84:I84"/>
    <mergeCell ref="B100:I100"/>
    <mergeCell ref="B101:I101"/>
    <mergeCell ref="B111:I111"/>
    <mergeCell ref="B113:I113"/>
    <mergeCell ref="N66:N71"/>
    <mergeCell ref="A69:A70"/>
    <mergeCell ref="B69:I69"/>
    <mergeCell ref="B70:I70"/>
    <mergeCell ref="A71:A73"/>
    <mergeCell ref="B71:I73"/>
    <mergeCell ref="J71:J73"/>
    <mergeCell ref="K71:K73"/>
    <mergeCell ref="A44:A46"/>
    <mergeCell ref="C45:I45"/>
    <mergeCell ref="B48:I48"/>
    <mergeCell ref="B49:I49"/>
    <mergeCell ref="B50:I50"/>
    <mergeCell ref="B51:I51"/>
    <mergeCell ref="A50:A51"/>
    <mergeCell ref="B52:I54"/>
    <mergeCell ref="B66:I66"/>
    <mergeCell ref="B67:I67"/>
    <mergeCell ref="L71:L73"/>
    <mergeCell ref="J52:J54"/>
    <mergeCell ref="K52:K54"/>
    <mergeCell ref="L52:L54"/>
    <mergeCell ref="A58:A59"/>
    <mergeCell ref="N58:N59"/>
    <mergeCell ref="O58:O59"/>
    <mergeCell ref="A63:A65"/>
    <mergeCell ref="C64:I64"/>
    <mergeCell ref="N47:N52"/>
    <mergeCell ref="N57:O57"/>
    <mergeCell ref="E55:F55"/>
    <mergeCell ref="B61:I61"/>
    <mergeCell ref="B58:I58"/>
    <mergeCell ref="B65:I65"/>
    <mergeCell ref="B59:I59"/>
    <mergeCell ref="B62:I62"/>
    <mergeCell ref="M44:M49"/>
    <mergeCell ref="M50:M51"/>
    <mergeCell ref="A52:A55"/>
    <mergeCell ref="M263:M265"/>
    <mergeCell ref="B121:I121"/>
    <mergeCell ref="B115:I115"/>
    <mergeCell ref="B82:I82"/>
    <mergeCell ref="B83:I83"/>
    <mergeCell ref="F112:G112"/>
    <mergeCell ref="B102:I102"/>
    <mergeCell ref="B85:I85"/>
    <mergeCell ref="B114:I114"/>
    <mergeCell ref="B104:I104"/>
    <mergeCell ref="B105:I105"/>
    <mergeCell ref="F108:G108"/>
    <mergeCell ref="C108:E108"/>
    <mergeCell ref="B106:I106"/>
    <mergeCell ref="C110:E110"/>
    <mergeCell ref="B107:I107"/>
    <mergeCell ref="B127:I127"/>
    <mergeCell ref="B128:I128"/>
    <mergeCell ref="B129:I129"/>
    <mergeCell ref="F144:G144"/>
    <mergeCell ref="M215:M227"/>
    <mergeCell ref="M97:M101"/>
    <mergeCell ref="B158:I158"/>
    <mergeCell ref="B109:I109"/>
    <mergeCell ref="A117:A122"/>
    <mergeCell ref="B153:I153"/>
    <mergeCell ref="C146:E146"/>
    <mergeCell ref="F146:G146"/>
    <mergeCell ref="B133:I133"/>
    <mergeCell ref="B126:I126"/>
    <mergeCell ref="B130:I130"/>
    <mergeCell ref="B134:I134"/>
    <mergeCell ref="C144:E144"/>
    <mergeCell ref="B137:I137"/>
    <mergeCell ref="B119:I119"/>
    <mergeCell ref="B123:I123"/>
    <mergeCell ref="B122:I122"/>
    <mergeCell ref="B135:I135"/>
    <mergeCell ref="B131:I131"/>
    <mergeCell ref="B132:I132"/>
    <mergeCell ref="B124:I124"/>
    <mergeCell ref="B125:I125"/>
    <mergeCell ref="N250:O250"/>
    <mergeCell ref="N275:N276"/>
    <mergeCell ref="B274:I274"/>
    <mergeCell ref="B259:I259"/>
    <mergeCell ref="B258:I258"/>
    <mergeCell ref="B162:I162"/>
    <mergeCell ref="B163:I163"/>
    <mergeCell ref="B164:I164"/>
    <mergeCell ref="B165:I165"/>
    <mergeCell ref="B166:I166"/>
    <mergeCell ref="B261:I261"/>
    <mergeCell ref="B273:I273"/>
    <mergeCell ref="B270:I270"/>
    <mergeCell ref="B266:I266"/>
    <mergeCell ref="B268:I268"/>
    <mergeCell ref="B196:I196"/>
    <mergeCell ref="B180:I180"/>
    <mergeCell ref="B212:I212"/>
    <mergeCell ref="B213:I213"/>
    <mergeCell ref="B191:I191"/>
    <mergeCell ref="B192:I192"/>
    <mergeCell ref="B193:I193"/>
    <mergeCell ref="B188:I188"/>
    <mergeCell ref="B201:I201"/>
    <mergeCell ref="A78:A85"/>
    <mergeCell ref="A96:A99"/>
    <mergeCell ref="N116:O116"/>
    <mergeCell ref="N136:O136"/>
    <mergeCell ref="N161:O161"/>
    <mergeCell ref="N187:O187"/>
    <mergeCell ref="N95:O95"/>
    <mergeCell ref="N211:O211"/>
    <mergeCell ref="O183:O184"/>
    <mergeCell ref="O78:O82"/>
    <mergeCell ref="B149:I149"/>
    <mergeCell ref="B150:I150"/>
    <mergeCell ref="B170:I170"/>
    <mergeCell ref="B189:I189"/>
    <mergeCell ref="B190:I190"/>
    <mergeCell ref="B186:I186"/>
    <mergeCell ref="B185:I185"/>
    <mergeCell ref="B175:I175"/>
    <mergeCell ref="B172:I172"/>
    <mergeCell ref="A162:A166"/>
    <mergeCell ref="A137:A141"/>
    <mergeCell ref="B139:I139"/>
    <mergeCell ref="B138:I138"/>
    <mergeCell ref="B145:I145"/>
    <mergeCell ref="O36:O37"/>
    <mergeCell ref="M36:M37"/>
    <mergeCell ref="J36:L36"/>
    <mergeCell ref="N36:N37"/>
    <mergeCell ref="B39:I39"/>
    <mergeCell ref="N38:O38"/>
    <mergeCell ref="A36:A37"/>
    <mergeCell ref="B36:I37"/>
    <mergeCell ref="A38:M38"/>
    <mergeCell ref="O39:O40"/>
    <mergeCell ref="A39:A40"/>
    <mergeCell ref="B40:I40"/>
    <mergeCell ref="N39:N40"/>
    <mergeCell ref="B298:I298"/>
    <mergeCell ref="B202:I202"/>
    <mergeCell ref="B203:I203"/>
    <mergeCell ref="B204:I204"/>
    <mergeCell ref="B205:I205"/>
    <mergeCell ref="B206:I206"/>
    <mergeCell ref="B207:I207"/>
    <mergeCell ref="B199:I199"/>
    <mergeCell ref="B209:I209"/>
    <mergeCell ref="B210:I210"/>
    <mergeCell ref="B275:I275"/>
    <mergeCell ref="B257:I257"/>
    <mergeCell ref="B260:I260"/>
    <mergeCell ref="B263:I263"/>
    <mergeCell ref="B264:I264"/>
    <mergeCell ref="B267:I267"/>
    <mergeCell ref="B271:I271"/>
    <mergeCell ref="B296:I296"/>
    <mergeCell ref="B291:I291"/>
    <mergeCell ref="B208:I208"/>
    <mergeCell ref="C200:E200"/>
    <mergeCell ref="F200:G200"/>
    <mergeCell ref="B214:I214"/>
    <mergeCell ref="B252:I252"/>
    <mergeCell ref="B154:I154"/>
    <mergeCell ref="B169:I169"/>
    <mergeCell ref="B167:I167"/>
    <mergeCell ref="B177:I177"/>
    <mergeCell ref="B168:I168"/>
    <mergeCell ref="F155:G155"/>
    <mergeCell ref="B171:I171"/>
    <mergeCell ref="B151:I151"/>
    <mergeCell ref="C269:D269"/>
    <mergeCell ref="F269:G269"/>
    <mergeCell ref="B262:I262"/>
    <mergeCell ref="C155:D155"/>
    <mergeCell ref="C55:D55"/>
    <mergeCell ref="G55:H55"/>
    <mergeCell ref="C56:D56"/>
    <mergeCell ref="E56:F56"/>
    <mergeCell ref="G56:H56"/>
    <mergeCell ref="B78:I78"/>
    <mergeCell ref="B79:I79"/>
    <mergeCell ref="B103:I103"/>
    <mergeCell ref="B152:I152"/>
    <mergeCell ref="B147:I147"/>
    <mergeCell ref="B176:D176"/>
    <mergeCell ref="E176:G176"/>
    <mergeCell ref="B181:I181"/>
    <mergeCell ref="B182:I182"/>
    <mergeCell ref="B183:I183"/>
    <mergeCell ref="A212:A213"/>
    <mergeCell ref="A188:A192"/>
    <mergeCell ref="B284:I284"/>
    <mergeCell ref="B289:I289"/>
    <mergeCell ref="B280:I280"/>
    <mergeCell ref="B253:I253"/>
    <mergeCell ref="B277:I277"/>
    <mergeCell ref="B254:I254"/>
    <mergeCell ref="B283:I283"/>
    <mergeCell ref="B255:I255"/>
    <mergeCell ref="B265:I265"/>
    <mergeCell ref="B286:I286"/>
    <mergeCell ref="B287:I287"/>
    <mergeCell ref="B288:I288"/>
    <mergeCell ref="B272:I272"/>
    <mergeCell ref="F282:G282"/>
    <mergeCell ref="B285:I285"/>
    <mergeCell ref="B292:I292"/>
    <mergeCell ref="B293:I293"/>
    <mergeCell ref="B294:I294"/>
    <mergeCell ref="B281:I281"/>
    <mergeCell ref="C282:D282"/>
    <mergeCell ref="A251:A253"/>
    <mergeCell ref="A279:A289"/>
    <mergeCell ref="B279:I279"/>
    <mergeCell ref="B251:I251"/>
    <mergeCell ref="B86:I86"/>
    <mergeCell ref="B94:I94"/>
    <mergeCell ref="B76:I76"/>
    <mergeCell ref="B60:I60"/>
    <mergeCell ref="A57:M57"/>
    <mergeCell ref="M294:M297"/>
    <mergeCell ref="B276:I276"/>
    <mergeCell ref="B256:I256"/>
    <mergeCell ref="M280:M281"/>
    <mergeCell ref="B290:I290"/>
    <mergeCell ref="B297:I297"/>
    <mergeCell ref="M172:M175"/>
    <mergeCell ref="M180:M183"/>
    <mergeCell ref="B174:I174"/>
    <mergeCell ref="B173:I173"/>
    <mergeCell ref="B178:I178"/>
    <mergeCell ref="B179:I179"/>
    <mergeCell ref="B184:I184"/>
    <mergeCell ref="M197:M199"/>
    <mergeCell ref="B197:I197"/>
    <mergeCell ref="B198:I198"/>
    <mergeCell ref="B194:I194"/>
    <mergeCell ref="B195:I195"/>
    <mergeCell ref="B295:I295"/>
    <mergeCell ref="N278:O278"/>
    <mergeCell ref="N77:O77"/>
    <mergeCell ref="C112:E112"/>
    <mergeCell ref="B117:I117"/>
    <mergeCell ref="B118:I118"/>
    <mergeCell ref="B156:I156"/>
    <mergeCell ref="B120:I120"/>
    <mergeCell ref="M69:M70"/>
    <mergeCell ref="B41:I41"/>
    <mergeCell ref="B42:I42"/>
    <mergeCell ref="B47:I47"/>
    <mergeCell ref="B63:I63"/>
    <mergeCell ref="B43:I43"/>
    <mergeCell ref="B44:I44"/>
    <mergeCell ref="B46:I46"/>
    <mergeCell ref="B80:I80"/>
    <mergeCell ref="B99:I99"/>
    <mergeCell ref="B87:I87"/>
    <mergeCell ref="B88:I88"/>
    <mergeCell ref="B89:I89"/>
    <mergeCell ref="B90:I90"/>
    <mergeCell ref="B91:I91"/>
    <mergeCell ref="B92:I92"/>
    <mergeCell ref="B96:I96"/>
  </mergeCells>
  <phoneticPr fontId="1"/>
  <dataValidations count="1">
    <dataValidation type="list" allowBlank="1" showInputMessage="1" showErrorMessage="1" sqref="J279:L297 J78:L94 J96:L115 J117:L135 J71:K71 J212:L249 J251:L277 J162:L186 J195:L210 J39:L43 L68 L47 J55:L56 L49 J58:L62 J52:K52 L66 J74:L76 L51:L52 L70:L71 J137:L160" xr:uid="{00000000-0002-0000-0000-000000000000}">
      <formula1>"■,□"</formula1>
    </dataValidation>
  </dataValidations>
  <pageMargins left="0.98425196850393704" right="0.98425196850393704" top="0.47244094488188981" bottom="0.19685039370078741" header="0.31496062992125984" footer="0.31496062992125984"/>
  <pageSetup paperSize="9" scale="80" firstPageNumber="0" pageOrder="overThenDown" orientation="portrait" useFirstPageNumber="1" r:id="rId1"/>
  <headerFooter differentFirst="1">
    <oddFooter>&amp;C&amp;14会ー&amp;P</oddFooter>
  </headerFooter>
  <rowBreaks count="10" manualBreakCount="10">
    <brk id="35" max="16383" man="1"/>
    <brk id="56" max="14" man="1"/>
    <brk id="76" max="14" man="1"/>
    <brk id="94" max="14" man="1"/>
    <brk id="115" max="14" man="1"/>
    <brk id="135" max="14" man="1"/>
    <brk id="186" max="14" man="1"/>
    <brk id="210" max="14" man="1"/>
    <brk id="249" max="14" man="1"/>
    <brk id="277" max="14" man="1"/>
  </rowBreaks>
  <colBreaks count="1" manualBreakCount="1">
    <brk id="13" min="35" max="297" man="1"/>
  </colBreaks>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719E86C-6B8A-423E-9AD7-B594A0D4E92B}">
  <dimension ref="A1:I128"/>
  <sheetViews>
    <sheetView view="pageBreakPreview" zoomScaleNormal="100" zoomScaleSheetLayoutView="100" workbookViewId="0">
      <selection activeCell="G32" sqref="G32:H32"/>
    </sheetView>
  </sheetViews>
  <sheetFormatPr defaultRowHeight="12.75"/>
  <cols>
    <col min="1" max="1" width="6.625" style="127" customWidth="1"/>
    <col min="2" max="2" width="15.625" style="127" customWidth="1"/>
    <col min="3" max="3" width="12.625" style="127" customWidth="1"/>
    <col min="4" max="4" width="4.625" style="127" customWidth="1"/>
    <col min="5" max="5" width="10.625" style="127" customWidth="1"/>
    <col min="6" max="6" width="4.625" style="127" customWidth="1"/>
    <col min="7" max="7" width="15.625" style="127" customWidth="1"/>
    <col min="8" max="8" width="4.625" style="127" customWidth="1"/>
    <col min="9" max="16384" width="9" style="127"/>
  </cols>
  <sheetData>
    <row r="1" spans="1:9" ht="20.100000000000001" customHeight="1">
      <c r="A1" s="124" t="s">
        <v>286</v>
      </c>
      <c r="B1" s="125"/>
      <c r="C1" s="126"/>
    </row>
    <row r="2" spans="1:9" ht="20.100000000000001" customHeight="1">
      <c r="A2" s="128"/>
      <c r="B2" s="129" t="s">
        <v>287</v>
      </c>
      <c r="C2" s="126"/>
    </row>
    <row r="3" spans="1:9">
      <c r="A3" s="127" t="s">
        <v>288</v>
      </c>
    </row>
    <row r="4" spans="1:9" ht="20.100000000000001" customHeight="1">
      <c r="A4" s="166" t="s">
        <v>267</v>
      </c>
      <c r="B4" s="166"/>
      <c r="C4" s="166"/>
      <c r="D4" s="166"/>
      <c r="E4" s="166"/>
      <c r="F4" s="166"/>
      <c r="G4" s="166"/>
      <c r="H4" s="166"/>
      <c r="I4" s="167"/>
    </row>
    <row r="5" spans="1:9" ht="20.100000000000001" customHeight="1">
      <c r="A5" s="168" t="s">
        <v>291</v>
      </c>
      <c r="B5" s="168"/>
      <c r="C5" s="168"/>
      <c r="D5" s="168"/>
      <c r="E5" s="168"/>
      <c r="F5" s="168"/>
      <c r="G5" s="168"/>
      <c r="H5" s="168"/>
      <c r="I5" s="169"/>
    </row>
    <row r="6" spans="1:9" ht="20.100000000000001" customHeight="1" thickBot="1"/>
    <row r="7" spans="1:9" ht="24.95" customHeight="1" thickBot="1">
      <c r="B7" s="170" t="s">
        <v>268</v>
      </c>
      <c r="C7" s="172" t="s">
        <v>29</v>
      </c>
      <c r="D7" s="173"/>
      <c r="E7" s="173"/>
      <c r="F7" s="173"/>
      <c r="G7" s="173"/>
      <c r="H7" s="173"/>
    </row>
    <row r="8" spans="1:9" ht="24.95" customHeight="1" thickBot="1">
      <c r="B8" s="171"/>
      <c r="C8" s="172"/>
      <c r="D8" s="173"/>
      <c r="E8" s="173"/>
      <c r="F8" s="173"/>
      <c r="G8" s="173"/>
      <c r="H8" s="173"/>
    </row>
    <row r="9" spans="1:9" ht="24.95" customHeight="1" thickBot="1">
      <c r="B9" s="171"/>
      <c r="C9" s="130" t="s">
        <v>30</v>
      </c>
      <c r="D9" s="174"/>
      <c r="E9" s="174"/>
      <c r="F9" s="174"/>
      <c r="G9" s="174"/>
      <c r="H9" s="174"/>
    </row>
    <row r="10" spans="1:9" ht="24.95" customHeight="1" thickBot="1">
      <c r="B10" s="171"/>
      <c r="C10" s="130" t="s">
        <v>31</v>
      </c>
      <c r="D10" s="174"/>
      <c r="E10" s="174"/>
      <c r="F10" s="174"/>
      <c r="G10" s="174"/>
      <c r="H10" s="174"/>
    </row>
    <row r="11" spans="1:9" ht="24.95" customHeight="1" thickBot="1">
      <c r="A11" s="127" t="s">
        <v>269</v>
      </c>
      <c r="B11" s="185" t="s">
        <v>270</v>
      </c>
      <c r="C11" s="131" t="s">
        <v>271</v>
      </c>
      <c r="D11" s="188"/>
      <c r="E11" s="189"/>
      <c r="F11" s="189"/>
      <c r="G11" s="189"/>
      <c r="H11" s="190"/>
    </row>
    <row r="12" spans="1:9" ht="24.95" customHeight="1" thickBot="1">
      <c r="B12" s="186"/>
      <c r="C12" s="191" t="s">
        <v>29</v>
      </c>
      <c r="D12" s="192" t="s">
        <v>272</v>
      </c>
      <c r="E12" s="192"/>
      <c r="F12" s="192"/>
      <c r="G12" s="192"/>
      <c r="H12" s="192"/>
    </row>
    <row r="13" spans="1:9" ht="24.95" customHeight="1" thickBot="1">
      <c r="B13" s="186"/>
      <c r="C13" s="179"/>
      <c r="D13" s="193" t="s">
        <v>35</v>
      </c>
      <c r="E13" s="193"/>
      <c r="F13" s="193"/>
      <c r="G13" s="193"/>
      <c r="H13" s="193"/>
    </row>
    <row r="14" spans="1:9" ht="24.95" customHeight="1" thickBot="1">
      <c r="B14" s="186"/>
      <c r="C14" s="179"/>
      <c r="D14" s="194"/>
      <c r="E14" s="194"/>
      <c r="F14" s="194"/>
      <c r="G14" s="194"/>
      <c r="H14" s="194"/>
    </row>
    <row r="15" spans="1:9" ht="24.95" customHeight="1" thickBot="1">
      <c r="B15" s="186"/>
      <c r="C15" s="132" t="s">
        <v>273</v>
      </c>
      <c r="D15" s="164"/>
      <c r="E15" s="164"/>
      <c r="F15" s="164"/>
      <c r="G15" s="164"/>
      <c r="H15" s="164"/>
    </row>
    <row r="16" spans="1:9" ht="24.95" customHeight="1" thickBot="1">
      <c r="B16" s="186"/>
      <c r="C16" s="132" t="s">
        <v>274</v>
      </c>
      <c r="D16" s="164"/>
      <c r="E16" s="164"/>
      <c r="F16" s="164"/>
      <c r="G16" s="164"/>
      <c r="H16" s="164"/>
    </row>
    <row r="17" spans="2:8" ht="24.95" customHeight="1" thickBot="1">
      <c r="B17" s="186"/>
      <c r="C17" s="132" t="s">
        <v>275</v>
      </c>
      <c r="D17" s="164"/>
      <c r="E17" s="164"/>
      <c r="F17" s="164"/>
      <c r="G17" s="164"/>
      <c r="H17" s="164"/>
    </row>
    <row r="18" spans="2:8" ht="24.95" customHeight="1" thickBot="1">
      <c r="B18" s="186"/>
      <c r="C18" s="132" t="s">
        <v>289</v>
      </c>
      <c r="D18" s="133" t="s">
        <v>33</v>
      </c>
      <c r="E18" s="165"/>
      <c r="F18" s="164"/>
      <c r="G18" s="164"/>
      <c r="H18" s="164"/>
    </row>
    <row r="19" spans="2:8" ht="24.95" customHeight="1" thickBot="1">
      <c r="B19" s="187"/>
      <c r="C19" s="132" t="s">
        <v>290</v>
      </c>
      <c r="D19" s="133" t="s">
        <v>33</v>
      </c>
      <c r="E19" s="165"/>
      <c r="F19" s="164"/>
      <c r="G19" s="164"/>
      <c r="H19" s="164"/>
    </row>
    <row r="20" spans="2:8" ht="24.95" customHeight="1" thickBot="1">
      <c r="B20" s="176" t="s">
        <v>32</v>
      </c>
      <c r="C20" s="132" t="s">
        <v>276</v>
      </c>
      <c r="D20" s="177" t="s">
        <v>311</v>
      </c>
      <c r="E20" s="177"/>
      <c r="F20" s="177"/>
      <c r="G20" s="177"/>
      <c r="H20" s="178"/>
    </row>
    <row r="21" spans="2:8" ht="24.95" customHeight="1" thickBot="1">
      <c r="B21" s="176"/>
      <c r="C21" s="179" t="s">
        <v>277</v>
      </c>
      <c r="D21" s="134" t="s">
        <v>34</v>
      </c>
      <c r="E21" s="135"/>
      <c r="F21" s="135" t="s">
        <v>33</v>
      </c>
      <c r="G21" s="135"/>
      <c r="H21" s="136"/>
    </row>
    <row r="22" spans="2:8" ht="24.95" customHeight="1" thickBot="1">
      <c r="B22" s="176"/>
      <c r="C22" s="179"/>
      <c r="D22" s="137" t="s">
        <v>34</v>
      </c>
      <c r="E22" s="138"/>
      <c r="F22" s="138" t="s">
        <v>33</v>
      </c>
      <c r="G22" s="138"/>
      <c r="H22" s="139"/>
    </row>
    <row r="23" spans="2:8" ht="20.100000000000001" customHeight="1" thickBot="1">
      <c r="B23" s="180" t="s">
        <v>278</v>
      </c>
      <c r="C23" s="179" t="s">
        <v>279</v>
      </c>
      <c r="D23" s="140" t="s">
        <v>34</v>
      </c>
      <c r="E23" s="140"/>
      <c r="F23" s="140" t="s">
        <v>33</v>
      </c>
      <c r="G23" s="153"/>
      <c r="H23" s="154"/>
    </row>
    <row r="24" spans="2:8" ht="20.100000000000001" customHeight="1" thickBot="1">
      <c r="B24" s="180"/>
      <c r="C24" s="179"/>
      <c r="D24" s="141" t="s">
        <v>34</v>
      </c>
      <c r="E24" s="142"/>
      <c r="F24" s="142" t="s">
        <v>33</v>
      </c>
      <c r="G24" s="155"/>
      <c r="H24" s="156"/>
    </row>
    <row r="25" spans="2:8" ht="20.100000000000001" customHeight="1" thickBot="1">
      <c r="B25" s="180"/>
      <c r="C25" s="179"/>
      <c r="D25" s="141" t="s">
        <v>34</v>
      </c>
      <c r="E25" s="142"/>
      <c r="F25" s="142" t="s">
        <v>33</v>
      </c>
      <c r="G25" s="155"/>
      <c r="H25" s="156"/>
    </row>
    <row r="26" spans="2:8" ht="24.95" customHeight="1" thickBot="1">
      <c r="B26" s="180"/>
      <c r="C26" s="179"/>
      <c r="D26" s="143" t="s">
        <v>34</v>
      </c>
      <c r="E26" s="143"/>
      <c r="F26" s="143" t="s">
        <v>33</v>
      </c>
      <c r="G26" s="157"/>
      <c r="H26" s="158"/>
    </row>
    <row r="27" spans="2:8" ht="24.95" customHeight="1">
      <c r="B27" s="127" t="s">
        <v>283</v>
      </c>
    </row>
    <row r="28" spans="2:8" ht="24.95" customHeight="1"/>
    <row r="29" spans="2:8" ht="24.95" customHeight="1">
      <c r="B29" s="181" t="s">
        <v>280</v>
      </c>
      <c r="C29" s="144" t="s">
        <v>281</v>
      </c>
      <c r="D29" s="182" t="s">
        <v>312</v>
      </c>
      <c r="E29" s="182"/>
      <c r="F29" s="182"/>
      <c r="G29" s="182"/>
      <c r="H29" s="183"/>
    </row>
    <row r="30" spans="2:8" ht="20.100000000000001" customHeight="1">
      <c r="B30" s="181"/>
      <c r="C30" s="184" t="s">
        <v>282</v>
      </c>
      <c r="D30" s="145" t="s">
        <v>34</v>
      </c>
      <c r="E30" s="146"/>
      <c r="F30" s="146" t="s">
        <v>33</v>
      </c>
      <c r="G30" s="159"/>
      <c r="H30" s="160"/>
    </row>
    <row r="31" spans="2:8" ht="20.100000000000001" customHeight="1">
      <c r="B31" s="181"/>
      <c r="C31" s="184"/>
      <c r="D31" s="147" t="s">
        <v>34</v>
      </c>
      <c r="E31" s="142"/>
      <c r="F31" s="142" t="s">
        <v>33</v>
      </c>
      <c r="G31" s="155"/>
      <c r="H31" s="161"/>
    </row>
    <row r="32" spans="2:8" ht="20.100000000000001" customHeight="1">
      <c r="B32" s="181"/>
      <c r="C32" s="184"/>
      <c r="D32" s="148" t="s">
        <v>34</v>
      </c>
      <c r="E32" s="149"/>
      <c r="F32" s="149" t="s">
        <v>33</v>
      </c>
      <c r="G32" s="162"/>
      <c r="H32" s="163"/>
    </row>
    <row r="33" spans="1:9" ht="20.100000000000001" customHeight="1"/>
    <row r="35" spans="1:9" ht="15.95" customHeight="1">
      <c r="A35" s="175" t="s">
        <v>284</v>
      </c>
      <c r="B35" s="175"/>
      <c r="C35" s="175"/>
      <c r="D35" s="175"/>
      <c r="E35" s="175"/>
      <c r="F35" s="175"/>
      <c r="G35" s="175"/>
      <c r="H35" s="175"/>
    </row>
    <row r="36" spans="1:9" ht="15.95" customHeight="1">
      <c r="A36" s="140" t="s">
        <v>285</v>
      </c>
      <c r="B36" s="140"/>
      <c r="C36" s="140"/>
      <c r="D36" s="140"/>
      <c r="E36" s="140"/>
      <c r="F36" s="140"/>
      <c r="G36" s="140"/>
      <c r="H36" s="140"/>
      <c r="I36" s="140"/>
    </row>
    <row r="37" spans="1:9" ht="15.95" customHeight="1">
      <c r="A37" s="64" t="s">
        <v>313</v>
      </c>
      <c r="B37" s="140"/>
      <c r="C37" s="140"/>
      <c r="D37" s="140"/>
      <c r="E37" s="140"/>
      <c r="F37" s="140"/>
      <c r="G37" s="140"/>
      <c r="H37" s="140"/>
      <c r="I37" s="150"/>
    </row>
    <row r="38" spans="1:9" ht="15.95" customHeight="1">
      <c r="A38" s="64"/>
      <c r="B38" s="140"/>
      <c r="C38" s="140"/>
      <c r="D38" s="140"/>
      <c r="E38" s="140"/>
      <c r="F38" s="140"/>
      <c r="G38" s="140"/>
      <c r="H38" s="140"/>
      <c r="I38" s="150"/>
    </row>
    <row r="39" spans="1:9" ht="15.95" customHeight="1">
      <c r="A39" s="64" t="s">
        <v>314</v>
      </c>
      <c r="B39" s="140"/>
      <c r="C39" s="140"/>
      <c r="D39" s="140"/>
      <c r="E39" s="140"/>
      <c r="F39" s="140"/>
      <c r="G39" s="140"/>
      <c r="H39" s="140"/>
      <c r="I39" s="150"/>
    </row>
    <row r="40" spans="1:9" ht="15.95" customHeight="1">
      <c r="A40"/>
      <c r="B40" s="140"/>
      <c r="C40" s="140"/>
      <c r="D40" s="140"/>
      <c r="E40" s="140"/>
      <c r="F40" s="140"/>
      <c r="G40" s="140"/>
      <c r="H40" s="140"/>
      <c r="I40" s="140"/>
    </row>
    <row r="41" spans="1:9" ht="15.95" customHeight="1">
      <c r="A41" s="64" t="s">
        <v>315</v>
      </c>
      <c r="B41" s="140"/>
      <c r="C41" s="140"/>
      <c r="D41" s="140"/>
      <c r="E41" s="140"/>
      <c r="F41" s="140"/>
      <c r="G41" s="140"/>
      <c r="H41" s="140"/>
      <c r="I41" s="140"/>
    </row>
    <row r="42" spans="1:9" ht="15.95" customHeight="1">
      <c r="A42"/>
      <c r="B42" s="140"/>
      <c r="C42" s="140"/>
      <c r="D42" s="140"/>
      <c r="E42" s="140"/>
      <c r="F42" s="140"/>
      <c r="G42" s="140"/>
      <c r="H42" s="140"/>
      <c r="I42" s="150"/>
    </row>
    <row r="43" spans="1:9" ht="15.95" customHeight="1">
      <c r="A43" s="64" t="s">
        <v>316</v>
      </c>
      <c r="B43" s="140"/>
      <c r="C43" s="140"/>
      <c r="D43" s="140"/>
      <c r="E43" s="140"/>
      <c r="F43" s="140"/>
      <c r="G43" s="140"/>
      <c r="H43" s="140"/>
      <c r="I43" s="150"/>
    </row>
    <row r="44" spans="1:9" ht="15.95" customHeight="1">
      <c r="A44" s="64"/>
      <c r="B44" s="140"/>
      <c r="C44" s="140"/>
      <c r="D44" s="140"/>
      <c r="E44" s="140"/>
      <c r="F44" s="140"/>
      <c r="G44" s="140"/>
      <c r="H44" s="140"/>
      <c r="I44" s="150"/>
    </row>
    <row r="45" spans="1:9" ht="15.95" customHeight="1">
      <c r="A45" s="64" t="s">
        <v>317</v>
      </c>
      <c r="B45" s="140"/>
      <c r="C45" s="140"/>
      <c r="D45" s="140"/>
      <c r="E45" s="140"/>
      <c r="F45" s="140"/>
      <c r="G45" s="140"/>
      <c r="H45" s="140"/>
      <c r="I45" s="140"/>
    </row>
    <row r="46" spans="1:9" ht="15.95" customHeight="1">
      <c r="A46"/>
      <c r="B46" s="140"/>
      <c r="C46" s="140"/>
      <c r="D46" s="140"/>
      <c r="E46" s="140"/>
      <c r="F46" s="140"/>
      <c r="G46" s="140"/>
      <c r="H46" s="140"/>
      <c r="I46" s="140"/>
    </row>
    <row r="47" spans="1:9" ht="15.95" customHeight="1">
      <c r="A47" t="s">
        <v>8</v>
      </c>
      <c r="B47" s="140"/>
      <c r="C47" s="140"/>
      <c r="D47" s="140"/>
      <c r="E47" s="140"/>
      <c r="F47" s="140"/>
      <c r="G47" s="140"/>
      <c r="H47" s="140"/>
      <c r="I47" s="140"/>
    </row>
    <row r="48" spans="1:9" ht="15.95" customHeight="1">
      <c r="A48" s="9" t="s">
        <v>215</v>
      </c>
      <c r="B48" s="140"/>
      <c r="C48" s="140"/>
      <c r="D48" s="140"/>
      <c r="E48" s="140"/>
      <c r="F48" s="140"/>
      <c r="G48" s="140"/>
      <c r="H48" s="140"/>
      <c r="I48" s="150"/>
    </row>
    <row r="49" spans="1:9" ht="15.95" customHeight="1">
      <c r="A49" s="8" t="s">
        <v>292</v>
      </c>
      <c r="B49" s="140"/>
      <c r="C49" s="140"/>
      <c r="D49" s="140"/>
      <c r="E49" s="140"/>
      <c r="F49" s="140"/>
      <c r="G49" s="140"/>
      <c r="H49" s="140"/>
      <c r="I49" s="150"/>
    </row>
    <row r="50" spans="1:9" ht="15.95" customHeight="1">
      <c r="A50" s="8" t="s">
        <v>293</v>
      </c>
      <c r="B50" s="140"/>
      <c r="C50" s="140"/>
      <c r="D50" s="140"/>
      <c r="E50" s="140"/>
      <c r="F50" s="140"/>
      <c r="G50" s="140"/>
      <c r="H50" s="140"/>
      <c r="I50" s="150"/>
    </row>
    <row r="51" spans="1:9" ht="15.95" customHeight="1">
      <c r="A51" s="8" t="s">
        <v>294</v>
      </c>
      <c r="B51" s="140"/>
      <c r="C51" s="140"/>
      <c r="D51" s="140"/>
      <c r="E51" s="140"/>
      <c r="F51" s="140"/>
      <c r="G51" s="140"/>
      <c r="H51" s="140"/>
      <c r="I51" s="150"/>
    </row>
    <row r="52" spans="1:9" ht="15.95" customHeight="1">
      <c r="A52" s="8" t="s">
        <v>295</v>
      </c>
      <c r="B52" s="140"/>
      <c r="C52" s="140"/>
      <c r="D52" s="140"/>
      <c r="E52" s="140"/>
      <c r="F52" s="140"/>
      <c r="G52" s="140"/>
      <c r="H52" s="140"/>
      <c r="I52" s="150"/>
    </row>
    <row r="53" spans="1:9" ht="15.95" customHeight="1">
      <c r="A53" s="8" t="s">
        <v>216</v>
      </c>
      <c r="B53" s="140"/>
      <c r="C53" s="140"/>
      <c r="D53" s="140"/>
      <c r="E53" s="140"/>
      <c r="F53" s="140"/>
      <c r="G53" s="140"/>
      <c r="H53" s="140"/>
      <c r="I53" s="150"/>
    </row>
    <row r="54" spans="1:9" ht="15.95" customHeight="1">
      <c r="A54" s="8" t="s">
        <v>162</v>
      </c>
      <c r="B54" s="140"/>
      <c r="C54" s="140"/>
      <c r="D54" s="140"/>
      <c r="E54" s="140"/>
      <c r="F54" s="140"/>
      <c r="G54" s="140"/>
      <c r="H54" s="140"/>
      <c r="I54" s="150"/>
    </row>
    <row r="55" spans="1:9" ht="15.95" customHeight="1">
      <c r="A55" s="8" t="s">
        <v>296</v>
      </c>
      <c r="B55" s="140"/>
      <c r="C55" s="140"/>
      <c r="D55" s="140"/>
      <c r="E55" s="140"/>
      <c r="F55" s="140"/>
      <c r="G55" s="140"/>
      <c r="H55" s="140"/>
      <c r="I55" s="150"/>
    </row>
    <row r="56" spans="1:9" ht="15.95" customHeight="1">
      <c r="A56" s="8" t="s">
        <v>297</v>
      </c>
      <c r="B56" s="140"/>
      <c r="C56" s="140"/>
      <c r="D56" s="140"/>
      <c r="E56" s="140"/>
      <c r="F56" s="140"/>
      <c r="G56" s="140"/>
      <c r="H56" s="140"/>
      <c r="I56" s="150"/>
    </row>
    <row r="57" spans="1:9" ht="15.95" customHeight="1">
      <c r="A57" s="8" t="s">
        <v>217</v>
      </c>
      <c r="B57" s="140"/>
      <c r="C57" s="140"/>
      <c r="D57" s="140"/>
      <c r="E57" s="140"/>
      <c r="F57" s="140"/>
      <c r="G57" s="140"/>
      <c r="H57" s="140"/>
      <c r="I57" s="150"/>
    </row>
    <row r="58" spans="1:9" ht="15.95" customHeight="1">
      <c r="A58" s="8" t="s">
        <v>298</v>
      </c>
      <c r="B58" s="140"/>
      <c r="C58" s="140"/>
      <c r="D58" s="140"/>
      <c r="E58" s="140"/>
      <c r="F58" s="140"/>
      <c r="G58" s="140"/>
      <c r="H58" s="140"/>
      <c r="I58" s="150"/>
    </row>
    <row r="59" spans="1:9" ht="15.95" customHeight="1">
      <c r="A59" s="8" t="s">
        <v>299</v>
      </c>
      <c r="B59" s="140"/>
      <c r="C59" s="140"/>
      <c r="D59" s="140"/>
      <c r="E59" s="140"/>
      <c r="F59" s="140"/>
      <c r="G59" s="140"/>
      <c r="H59" s="140"/>
      <c r="I59" s="150"/>
    </row>
    <row r="60" spans="1:9" ht="15.95" customHeight="1">
      <c r="A60" s="8"/>
      <c r="B60" s="140"/>
      <c r="C60" s="140"/>
      <c r="D60" s="140"/>
      <c r="E60" s="140"/>
      <c r="F60" s="140"/>
      <c r="G60" s="140"/>
      <c r="H60" s="140"/>
      <c r="I60" s="150"/>
    </row>
    <row r="61" spans="1:9" ht="15.95" customHeight="1">
      <c r="A61" s="8"/>
      <c r="B61" s="140"/>
      <c r="C61" s="140"/>
      <c r="D61" s="140"/>
      <c r="E61" s="140"/>
      <c r="F61" s="140"/>
      <c r="G61" s="140"/>
      <c r="H61" s="140"/>
      <c r="I61" s="150"/>
    </row>
    <row r="62" spans="1:9" ht="15.95" customHeight="1">
      <c r="A62" s="8"/>
      <c r="B62" s="140"/>
      <c r="C62" s="140"/>
      <c r="D62" s="140"/>
      <c r="E62" s="140"/>
      <c r="F62" s="140"/>
      <c r="G62" s="140"/>
      <c r="H62" s="140"/>
      <c r="I62" s="150"/>
    </row>
    <row r="63" spans="1:9" ht="15.95" customHeight="1">
      <c r="A63" s="8"/>
      <c r="B63" s="140"/>
      <c r="C63" s="140"/>
      <c r="D63" s="140"/>
      <c r="E63" s="140"/>
      <c r="F63" s="140"/>
      <c r="G63" s="140"/>
      <c r="H63" s="140"/>
      <c r="I63" s="150"/>
    </row>
    <row r="64" spans="1:9" ht="15.95" customHeight="1">
      <c r="A64" s="8"/>
      <c r="B64" s="140"/>
      <c r="C64" s="140"/>
      <c r="D64" s="140"/>
      <c r="E64" s="140"/>
      <c r="F64" s="140"/>
      <c r="G64" s="140"/>
      <c r="H64" s="140"/>
      <c r="I64" s="150"/>
    </row>
    <row r="65" spans="1:9" ht="15.95" customHeight="1">
      <c r="A65" s="8"/>
      <c r="B65" s="140"/>
      <c r="C65" s="140"/>
      <c r="D65" s="140"/>
      <c r="E65" s="140"/>
      <c r="F65" s="140"/>
      <c r="G65" s="140"/>
      <c r="H65" s="140"/>
      <c r="I65" s="150"/>
    </row>
    <row r="66" spans="1:9" ht="15.95" customHeight="1">
      <c r="A66" s="8"/>
      <c r="B66" s="140"/>
      <c r="C66" s="140"/>
      <c r="D66" s="140"/>
      <c r="E66" s="140"/>
      <c r="F66" s="140"/>
      <c r="G66" s="140"/>
      <c r="H66" s="140"/>
      <c r="I66" s="150"/>
    </row>
    <row r="67" spans="1:9" ht="15.95" customHeight="1">
      <c r="A67" s="8"/>
      <c r="B67" s="140"/>
      <c r="C67" s="140"/>
      <c r="D67" s="140"/>
      <c r="E67" s="140"/>
      <c r="F67" s="140"/>
      <c r="G67" s="140"/>
      <c r="H67" s="140"/>
      <c r="I67" s="150"/>
    </row>
    <row r="68" spans="1:9" ht="15.95" customHeight="1">
      <c r="A68" s="8"/>
      <c r="B68" s="140"/>
      <c r="C68" s="140"/>
      <c r="D68" s="140"/>
      <c r="E68" s="140"/>
      <c r="F68" s="140"/>
      <c r="G68" s="140"/>
      <c r="H68" s="140"/>
      <c r="I68" s="150"/>
    </row>
    <row r="69" spans="1:9" ht="15.95" customHeight="1">
      <c r="A69" s="8"/>
      <c r="B69" s="140"/>
      <c r="C69" s="140"/>
      <c r="D69" s="140"/>
      <c r="E69" s="140"/>
      <c r="F69" s="140"/>
      <c r="G69" s="140"/>
      <c r="H69" s="140"/>
      <c r="I69" s="150"/>
    </row>
    <row r="70" spans="1:9" ht="15.95" customHeight="1">
      <c r="A70" s="8"/>
      <c r="B70" s="140"/>
      <c r="C70" s="140"/>
      <c r="D70" s="140"/>
      <c r="E70" s="140"/>
      <c r="F70" s="140"/>
      <c r="G70" s="140"/>
      <c r="H70" s="140"/>
      <c r="I70" s="150"/>
    </row>
    <row r="71" spans="1:9" ht="15.95" customHeight="1">
      <c r="A71" s="8"/>
      <c r="B71" s="140"/>
      <c r="C71" s="140"/>
      <c r="D71" s="140"/>
      <c r="E71" s="140"/>
      <c r="F71" s="140"/>
      <c r="G71" s="140"/>
      <c r="H71" s="140"/>
      <c r="I71" s="150"/>
    </row>
    <row r="72" spans="1:9" ht="15.95" customHeight="1">
      <c r="A72" s="140"/>
      <c r="B72" s="140"/>
      <c r="C72" s="140"/>
      <c r="D72" s="140"/>
      <c r="E72" s="140"/>
      <c r="F72" s="140"/>
      <c r="G72" s="140"/>
      <c r="H72" s="140"/>
      <c r="I72" s="150"/>
    </row>
    <row r="73" spans="1:9" ht="15.95" customHeight="1">
      <c r="A73" s="140"/>
      <c r="B73" s="140"/>
      <c r="C73" s="140"/>
      <c r="D73" s="140"/>
      <c r="E73" s="140"/>
      <c r="F73" s="140"/>
      <c r="G73" s="140"/>
      <c r="H73" s="140"/>
      <c r="I73" s="150"/>
    </row>
    <row r="74" spans="1:9" ht="15.95" customHeight="1">
      <c r="A74" s="140"/>
      <c r="B74" s="140"/>
      <c r="C74" s="140"/>
      <c r="D74" s="140"/>
      <c r="E74" s="140"/>
      <c r="F74" s="140"/>
      <c r="G74" s="140"/>
      <c r="H74" s="140"/>
      <c r="I74" s="150"/>
    </row>
    <row r="75" spans="1:9" ht="15.95" customHeight="1">
      <c r="A75" s="140"/>
      <c r="B75" s="151"/>
      <c r="C75" s="151"/>
      <c r="D75" s="151"/>
      <c r="E75" s="151"/>
      <c r="F75" s="151"/>
      <c r="G75" s="151"/>
      <c r="H75" s="151"/>
      <c r="I75" s="151"/>
    </row>
    <row r="76" spans="1:9" ht="15.95" customHeight="1">
      <c r="A76" s="140"/>
      <c r="B76" s="140"/>
      <c r="C76" s="140"/>
      <c r="D76" s="140"/>
      <c r="E76" s="140"/>
      <c r="F76" s="140"/>
      <c r="G76" s="140"/>
      <c r="H76" s="140"/>
      <c r="I76" s="150"/>
    </row>
    <row r="77" spans="1:9" ht="15.95" customHeight="1">
      <c r="A77" s="140"/>
      <c r="B77" s="140"/>
      <c r="C77" s="140"/>
      <c r="D77" s="140"/>
      <c r="E77" s="140"/>
      <c r="F77" s="140"/>
      <c r="G77" s="140"/>
      <c r="H77" s="140"/>
      <c r="I77" s="150"/>
    </row>
    <row r="78" spans="1:9" ht="15.95" customHeight="1">
      <c r="A78" s="140"/>
      <c r="B78" s="140"/>
      <c r="C78" s="140"/>
      <c r="D78" s="140"/>
      <c r="E78" s="140"/>
      <c r="F78" s="140"/>
      <c r="G78" s="140"/>
      <c r="H78" s="140"/>
      <c r="I78" s="150"/>
    </row>
    <row r="79" spans="1:9" ht="15.95" customHeight="1">
      <c r="A79" s="140"/>
      <c r="B79" s="140"/>
      <c r="C79" s="140"/>
      <c r="D79" s="140"/>
      <c r="E79" s="140"/>
      <c r="F79" s="140"/>
      <c r="G79" s="140"/>
      <c r="H79" s="140"/>
      <c r="I79" s="150"/>
    </row>
    <row r="80" spans="1:9" ht="15.95" customHeight="1">
      <c r="A80" s="140"/>
      <c r="B80" s="140"/>
      <c r="C80" s="140"/>
      <c r="D80" s="140"/>
      <c r="E80" s="140"/>
      <c r="F80" s="140"/>
      <c r="G80" s="140"/>
      <c r="H80" s="140"/>
      <c r="I80" s="150"/>
    </row>
    <row r="81" spans="1:9" ht="15.95" customHeight="1">
      <c r="A81" s="140"/>
      <c r="B81" s="140"/>
      <c r="C81" s="140"/>
      <c r="D81" s="140"/>
      <c r="E81" s="140"/>
      <c r="F81" s="140"/>
      <c r="G81" s="140"/>
      <c r="H81" s="140"/>
      <c r="I81" s="150"/>
    </row>
    <row r="82" spans="1:9" ht="15.95" customHeight="1">
      <c r="A82" s="140"/>
      <c r="B82" s="140"/>
      <c r="C82" s="140"/>
      <c r="D82" s="140"/>
      <c r="E82" s="140"/>
      <c r="F82" s="140"/>
      <c r="G82" s="140"/>
      <c r="H82" s="140"/>
      <c r="I82" s="150"/>
    </row>
    <row r="83" spans="1:9" customFormat="1" ht="18.75" customHeight="1">
      <c r="A83" s="152" t="s">
        <v>90</v>
      </c>
      <c r="B83" s="152"/>
      <c r="C83" s="152"/>
      <c r="D83" s="152"/>
      <c r="E83" s="152"/>
      <c r="F83" s="152"/>
      <c r="G83" s="152"/>
      <c r="H83" s="152"/>
      <c r="I83" s="152"/>
    </row>
    <row r="84" spans="1:9" customFormat="1" ht="18.75" customHeight="1">
      <c r="A84" s="152"/>
      <c r="B84" s="152"/>
      <c r="C84" s="152"/>
      <c r="D84" s="152"/>
      <c r="E84" s="152"/>
      <c r="F84" s="152"/>
      <c r="G84" s="152"/>
      <c r="H84" s="152"/>
      <c r="I84" s="152"/>
    </row>
    <row r="85" spans="1:9" customFormat="1" ht="18.75" customHeight="1">
      <c r="A85" s="73" t="s">
        <v>118</v>
      </c>
      <c r="B85" s="5"/>
      <c r="C85" s="6"/>
      <c r="D85" s="6"/>
      <c r="E85" s="6"/>
      <c r="F85" s="6"/>
      <c r="G85" s="6"/>
      <c r="H85" s="6"/>
      <c r="I85" s="6"/>
    </row>
    <row r="86" spans="1:9" customFormat="1" ht="18.75" customHeight="1">
      <c r="A86" s="73" t="s">
        <v>161</v>
      </c>
      <c r="B86" s="5"/>
      <c r="C86" s="6"/>
      <c r="D86" s="6"/>
      <c r="E86" s="6"/>
      <c r="F86" s="6"/>
      <c r="G86" s="6"/>
      <c r="H86" s="6"/>
      <c r="I86" s="6"/>
    </row>
    <row r="87" spans="1:9" customFormat="1" ht="18.75" customHeight="1">
      <c r="A87" t="s">
        <v>9</v>
      </c>
      <c r="B87" s="5"/>
      <c r="C87" s="6"/>
      <c r="D87" s="6"/>
      <c r="E87" s="6"/>
      <c r="F87" s="6"/>
      <c r="G87" s="6"/>
      <c r="H87" s="6"/>
      <c r="I87" s="6"/>
    </row>
    <row r="88" spans="1:9" customFormat="1" ht="18.75" customHeight="1">
      <c r="A88" t="s">
        <v>139</v>
      </c>
      <c r="B88" s="5"/>
      <c r="C88" s="6"/>
      <c r="D88" s="6"/>
      <c r="E88" s="6"/>
      <c r="F88" s="6"/>
      <c r="G88" s="6"/>
      <c r="H88" s="6"/>
      <c r="I88" s="6"/>
    </row>
    <row r="89" spans="1:9" customFormat="1" ht="18.75" customHeight="1">
      <c r="A89" t="s">
        <v>140</v>
      </c>
      <c r="B89" s="5"/>
      <c r="C89" s="6"/>
      <c r="D89" s="6"/>
      <c r="E89" s="6"/>
      <c r="F89" s="6"/>
      <c r="G89" s="6"/>
      <c r="H89" s="6"/>
      <c r="I89" s="6"/>
    </row>
    <row r="90" spans="1:9" customFormat="1" ht="18.75" customHeight="1">
      <c r="A90" t="s">
        <v>141</v>
      </c>
      <c r="B90" s="5"/>
      <c r="C90" s="6"/>
      <c r="D90" s="6"/>
      <c r="E90" s="6"/>
      <c r="F90" s="6"/>
      <c r="G90" s="6"/>
      <c r="H90" s="6"/>
      <c r="I90" s="6"/>
    </row>
    <row r="91" spans="1:9" customFormat="1" ht="18.75" customHeight="1">
      <c r="A91" t="s">
        <v>138</v>
      </c>
      <c r="B91" s="5"/>
      <c r="C91" s="6"/>
      <c r="D91" s="6"/>
      <c r="E91" s="6"/>
      <c r="F91" s="6"/>
      <c r="G91" s="6"/>
      <c r="H91" s="6"/>
      <c r="I91" s="6"/>
    </row>
    <row r="92" spans="1:9" customFormat="1" ht="18.75" customHeight="1">
      <c r="B92" s="5"/>
      <c r="C92" s="6"/>
      <c r="D92" s="6"/>
      <c r="E92" s="6"/>
      <c r="F92" s="6"/>
      <c r="G92" s="6"/>
      <c r="H92" s="6"/>
      <c r="I92" s="6"/>
    </row>
    <row r="93" spans="1:9" customFormat="1" ht="18.75" customHeight="1">
      <c r="A93" t="s">
        <v>119</v>
      </c>
      <c r="B93" s="5"/>
      <c r="C93" s="6"/>
      <c r="D93" s="74" t="s">
        <v>121</v>
      </c>
      <c r="E93" s="6"/>
      <c r="F93" s="6"/>
      <c r="G93" s="6"/>
      <c r="H93" s="6"/>
      <c r="I93" s="6"/>
    </row>
    <row r="94" spans="1:9" customFormat="1" ht="18.75" customHeight="1">
      <c r="A94" t="s">
        <v>10</v>
      </c>
      <c r="B94" s="5"/>
      <c r="C94" s="6"/>
      <c r="D94" s="6"/>
      <c r="E94" s="6"/>
      <c r="F94" s="6"/>
      <c r="G94" s="6"/>
      <c r="H94" s="6"/>
      <c r="I94" s="6"/>
    </row>
    <row r="95" spans="1:9" customFormat="1" ht="18.75" customHeight="1">
      <c r="A95" t="s">
        <v>11</v>
      </c>
      <c r="B95" s="5"/>
      <c r="C95" s="6"/>
      <c r="D95" s="6"/>
      <c r="E95" s="6"/>
      <c r="F95" s="6"/>
      <c r="G95" s="6"/>
      <c r="H95" s="6"/>
      <c r="I95" s="6"/>
    </row>
    <row r="96" spans="1:9" customFormat="1" ht="18.75" customHeight="1">
      <c r="A96" t="s">
        <v>236</v>
      </c>
      <c r="B96" s="5"/>
      <c r="C96" s="6"/>
      <c r="D96" s="6"/>
      <c r="E96" s="6"/>
      <c r="F96" s="6"/>
      <c r="G96" s="6"/>
      <c r="H96" s="6"/>
      <c r="I96" s="6"/>
    </row>
    <row r="97" spans="1:9" customFormat="1" ht="18.75" customHeight="1">
      <c r="A97" t="s">
        <v>12</v>
      </c>
      <c r="B97" s="5"/>
      <c r="C97" s="6"/>
      <c r="D97" s="6"/>
      <c r="E97" s="6"/>
      <c r="F97" s="6"/>
      <c r="G97" s="6"/>
      <c r="H97" s="6"/>
      <c r="I97" s="6"/>
    </row>
    <row r="98" spans="1:9" customFormat="1" ht="18.75" customHeight="1">
      <c r="B98" s="5"/>
      <c r="C98" s="6"/>
      <c r="D98" s="6"/>
      <c r="E98" s="6"/>
      <c r="F98" s="6"/>
      <c r="G98" s="6"/>
      <c r="H98" s="6"/>
      <c r="I98" s="6"/>
    </row>
    <row r="99" spans="1:9" customFormat="1" ht="18.75" customHeight="1">
      <c r="A99" t="s">
        <v>13</v>
      </c>
      <c r="B99" s="5"/>
      <c r="C99" s="6"/>
      <c r="D99" s="6"/>
      <c r="E99" s="6"/>
      <c r="F99" s="6"/>
      <c r="G99" s="6"/>
      <c r="H99" s="6"/>
      <c r="I99" s="6"/>
    </row>
    <row r="100" spans="1:9" customFormat="1" ht="18.75" customHeight="1">
      <c r="A100" t="s">
        <v>14</v>
      </c>
      <c r="B100" s="5"/>
      <c r="C100" s="6"/>
      <c r="D100" s="6"/>
      <c r="E100" s="6"/>
      <c r="F100" s="6"/>
      <c r="G100" s="6"/>
      <c r="H100" s="6"/>
      <c r="I100" s="6"/>
    </row>
    <row r="101" spans="1:9" customFormat="1" ht="18.75" customHeight="1">
      <c r="A101" t="s">
        <v>238</v>
      </c>
      <c r="B101" s="5"/>
      <c r="C101" s="6"/>
      <c r="D101" s="6"/>
      <c r="E101" s="6"/>
      <c r="F101" s="6"/>
      <c r="G101" s="6"/>
      <c r="H101" s="6"/>
      <c r="I101" s="6"/>
    </row>
    <row r="102" spans="1:9" customFormat="1" ht="18.75" customHeight="1">
      <c r="A102" t="s">
        <v>237</v>
      </c>
      <c r="B102" s="5"/>
      <c r="C102" s="6"/>
      <c r="D102" s="6"/>
      <c r="E102" s="6"/>
      <c r="F102" s="6"/>
      <c r="G102" s="6"/>
      <c r="H102" s="6"/>
      <c r="I102" s="6"/>
    </row>
    <row r="103" spans="1:9" customFormat="1" ht="18.75" customHeight="1">
      <c r="B103" s="5"/>
      <c r="C103" s="6"/>
      <c r="D103" s="6"/>
      <c r="E103" s="6"/>
      <c r="F103" s="6"/>
      <c r="G103" s="6"/>
      <c r="H103" s="6"/>
      <c r="I103" s="6"/>
    </row>
    <row r="104" spans="1:9" customFormat="1" ht="18.75" customHeight="1">
      <c r="A104" t="s">
        <v>15</v>
      </c>
      <c r="B104" s="5"/>
      <c r="C104" s="6"/>
      <c r="D104" s="6"/>
      <c r="E104" s="6"/>
      <c r="F104" s="6"/>
      <c r="G104" s="6"/>
      <c r="H104" s="6"/>
      <c r="I104" s="6"/>
    </row>
    <row r="105" spans="1:9" customFormat="1" ht="18.75" customHeight="1">
      <c r="A105" t="s">
        <v>16</v>
      </c>
      <c r="B105" s="5"/>
      <c r="C105" s="6"/>
      <c r="D105" s="6"/>
      <c r="E105" s="6"/>
      <c r="F105" s="6"/>
      <c r="G105" s="6"/>
      <c r="H105" s="6"/>
      <c r="I105" s="6"/>
    </row>
    <row r="106" spans="1:9" customFormat="1" ht="18.75" customHeight="1">
      <c r="A106" t="s">
        <v>17</v>
      </c>
      <c r="B106" s="5"/>
      <c r="C106" s="6"/>
      <c r="D106" s="6"/>
      <c r="E106" s="6"/>
      <c r="F106" s="6"/>
      <c r="G106" s="6"/>
      <c r="H106" s="6"/>
      <c r="I106" s="6"/>
    </row>
    <row r="107" spans="1:9" customFormat="1" ht="18.75" customHeight="1">
      <c r="B107" s="5"/>
      <c r="C107" s="6"/>
      <c r="D107" s="6"/>
      <c r="E107" s="6"/>
      <c r="F107" s="6"/>
      <c r="G107" s="6"/>
      <c r="H107" s="6"/>
      <c r="I107" s="6"/>
    </row>
    <row r="108" spans="1:9" customFormat="1" ht="18.75" customHeight="1">
      <c r="A108" t="s">
        <v>122</v>
      </c>
      <c r="B108" s="5"/>
      <c r="C108" s="6"/>
      <c r="D108" s="6"/>
      <c r="E108" s="74" t="s">
        <v>120</v>
      </c>
      <c r="F108" s="6"/>
      <c r="G108" s="6"/>
      <c r="H108" s="6"/>
      <c r="I108" s="6"/>
    </row>
    <row r="109" spans="1:9" customFormat="1" ht="18.75" customHeight="1">
      <c r="A109" t="s">
        <v>165</v>
      </c>
      <c r="B109" s="5"/>
      <c r="C109" s="6"/>
      <c r="D109" s="6"/>
      <c r="E109" s="6"/>
      <c r="F109" s="6"/>
      <c r="G109" s="6"/>
      <c r="H109" s="6"/>
      <c r="I109" s="6"/>
    </row>
    <row r="110" spans="1:9" customFormat="1" ht="18.75" customHeight="1">
      <c r="A110" t="s">
        <v>164</v>
      </c>
      <c r="B110" s="5"/>
      <c r="C110" s="6"/>
      <c r="D110" s="6"/>
      <c r="E110" s="6"/>
      <c r="F110" s="6"/>
      <c r="G110" s="6"/>
      <c r="H110" s="6"/>
      <c r="I110" s="6"/>
    </row>
    <row r="111" spans="1:9" customFormat="1" ht="18.75" customHeight="1">
      <c r="A111" t="s">
        <v>163</v>
      </c>
      <c r="B111" s="5"/>
      <c r="C111" s="6"/>
      <c r="D111" s="6"/>
      <c r="E111" s="6"/>
      <c r="F111" s="6"/>
      <c r="G111" s="6"/>
      <c r="H111" s="6"/>
      <c r="I111" s="6"/>
    </row>
    <row r="112" spans="1:9" customFormat="1" ht="18.75" customHeight="1">
      <c r="A112" t="s">
        <v>167</v>
      </c>
      <c r="B112" s="5"/>
      <c r="C112" s="6"/>
      <c r="D112" s="6"/>
      <c r="E112" s="6"/>
      <c r="F112" s="6"/>
      <c r="G112" s="6"/>
      <c r="H112" s="6"/>
      <c r="I112" s="6"/>
    </row>
    <row r="113" spans="1:9" customFormat="1" ht="18.75" customHeight="1">
      <c r="A113" s="7" t="s">
        <v>20</v>
      </c>
      <c r="B113" s="5"/>
      <c r="C113" s="6"/>
      <c r="D113" s="6"/>
      <c r="E113" s="6"/>
      <c r="F113" s="6"/>
      <c r="G113" s="6"/>
      <c r="H113" s="6"/>
      <c r="I113" s="6"/>
    </row>
    <row r="114" spans="1:9" customFormat="1" ht="18.75" customHeight="1">
      <c r="A114" s="84" t="s">
        <v>300</v>
      </c>
      <c r="B114" s="5"/>
      <c r="C114" s="6"/>
      <c r="D114" s="6"/>
      <c r="E114" s="6"/>
      <c r="F114" s="6"/>
      <c r="G114" s="6"/>
      <c r="H114" s="6"/>
      <c r="I114" s="6"/>
    </row>
    <row r="115" spans="1:9" customFormat="1" ht="18.75" customHeight="1">
      <c r="B115" s="5"/>
      <c r="C115" s="6"/>
      <c r="D115" s="6"/>
      <c r="E115" s="6"/>
      <c r="F115" s="6"/>
      <c r="G115" s="6"/>
      <c r="H115" s="6"/>
      <c r="I115" s="6"/>
    </row>
    <row r="116" spans="1:9" customFormat="1" ht="18.75" customHeight="1">
      <c r="A116" t="s">
        <v>18</v>
      </c>
      <c r="B116" s="5"/>
      <c r="C116" s="6"/>
      <c r="D116" s="6"/>
      <c r="E116" s="6"/>
      <c r="F116" s="6"/>
      <c r="G116" s="6"/>
      <c r="H116" s="6"/>
      <c r="I116" s="6"/>
    </row>
    <row r="117" spans="1:9" customFormat="1" ht="18.75" customHeight="1">
      <c r="B117" s="5"/>
      <c r="C117" s="6"/>
      <c r="D117" s="6"/>
      <c r="E117" s="6"/>
      <c r="F117" s="6"/>
      <c r="G117" s="6"/>
      <c r="H117" s="6"/>
      <c r="I117" s="6"/>
    </row>
    <row r="118" spans="1:9" customFormat="1" ht="17.649999999999999">
      <c r="A118" t="s">
        <v>19</v>
      </c>
      <c r="B118" s="5"/>
      <c r="C118" s="6"/>
      <c r="D118" s="6"/>
      <c r="E118" s="6"/>
      <c r="F118" s="6"/>
      <c r="G118" s="6"/>
      <c r="H118" s="6"/>
      <c r="I118" s="6"/>
    </row>
    <row r="119" spans="1:9" customFormat="1" ht="17.649999999999999">
      <c r="A119" t="s">
        <v>227</v>
      </c>
      <c r="B119" s="5"/>
      <c r="C119" s="6"/>
      <c r="D119" s="6"/>
      <c r="E119" s="6"/>
      <c r="F119" s="6"/>
      <c r="G119" s="6"/>
      <c r="H119" s="6"/>
      <c r="I119" s="6"/>
    </row>
    <row r="120" spans="1:9" customFormat="1" ht="17.649999999999999">
      <c r="A120" t="s">
        <v>142</v>
      </c>
      <c r="B120" s="83"/>
      <c r="C120" s="6"/>
      <c r="D120" s="6"/>
      <c r="E120" s="6"/>
      <c r="F120" s="6"/>
      <c r="G120" s="6"/>
      <c r="H120" s="6"/>
      <c r="I120" s="6"/>
    </row>
    <row r="121" spans="1:9" customFormat="1" ht="17.649999999999999">
      <c r="A121" s="9" t="s">
        <v>166</v>
      </c>
      <c r="B121" s="5"/>
      <c r="C121" s="6"/>
      <c r="D121" s="6"/>
      <c r="E121" s="6"/>
      <c r="F121" s="6"/>
      <c r="G121" s="6"/>
      <c r="H121" s="6"/>
      <c r="I121" s="6"/>
    </row>
    <row r="122" spans="1:9" customFormat="1" ht="17.649999999999999">
      <c r="A122" s="9"/>
      <c r="B122" s="5"/>
      <c r="C122" s="6"/>
      <c r="D122" s="6"/>
      <c r="E122" s="6"/>
      <c r="F122" s="6"/>
      <c r="G122" s="6"/>
      <c r="H122" s="6"/>
      <c r="I122" s="6"/>
    </row>
    <row r="123" spans="1:9" customFormat="1" ht="17.649999999999999">
      <c r="A123" t="s">
        <v>156</v>
      </c>
      <c r="B123" s="5"/>
      <c r="C123" s="6"/>
      <c r="D123" s="6"/>
      <c r="E123" s="6"/>
      <c r="F123" s="6"/>
      <c r="G123" s="6"/>
      <c r="H123" s="6"/>
      <c r="I123" s="6"/>
    </row>
    <row r="124" spans="1:9" customFormat="1" ht="17.649999999999999">
      <c r="A124" t="s">
        <v>218</v>
      </c>
      <c r="B124" s="5"/>
      <c r="C124" s="6"/>
      <c r="D124" s="6"/>
      <c r="E124" s="6"/>
      <c r="F124" s="6"/>
      <c r="G124" s="6"/>
      <c r="H124" s="6"/>
      <c r="I124" s="6"/>
    </row>
    <row r="125" spans="1:9" customFormat="1" ht="17.649999999999999">
      <c r="B125" s="5"/>
      <c r="C125" s="6"/>
      <c r="D125" s="6"/>
      <c r="E125" s="6"/>
      <c r="F125" s="6"/>
      <c r="G125" s="6"/>
      <c r="H125" s="6"/>
      <c r="I125" s="6"/>
    </row>
    <row r="126" spans="1:9" customFormat="1" ht="17.649999999999999">
      <c r="B126" s="5"/>
      <c r="C126" s="6"/>
      <c r="D126" s="6"/>
      <c r="E126" s="6"/>
      <c r="F126" s="6"/>
      <c r="G126" s="6"/>
      <c r="H126" s="6"/>
      <c r="I126" s="6"/>
    </row>
    <row r="128" spans="1:9">
      <c r="A128" s="123" t="s">
        <v>266</v>
      </c>
    </row>
  </sheetData>
  <mergeCells count="35">
    <mergeCell ref="D13:H13"/>
    <mergeCell ref="D14:H14"/>
    <mergeCell ref="B20:B22"/>
    <mergeCell ref="D20:H20"/>
    <mergeCell ref="C21:C22"/>
    <mergeCell ref="B23:B26"/>
    <mergeCell ref="C23:C26"/>
    <mergeCell ref="D15:H15"/>
    <mergeCell ref="D16:H16"/>
    <mergeCell ref="D17:H17"/>
    <mergeCell ref="E19:H19"/>
    <mergeCell ref="A4:I4"/>
    <mergeCell ref="A5:I5"/>
    <mergeCell ref="B7:B10"/>
    <mergeCell ref="C7:C8"/>
    <mergeCell ref="D7:H8"/>
    <mergeCell ref="D9:H9"/>
    <mergeCell ref="D10:H10"/>
    <mergeCell ref="E18:H18"/>
    <mergeCell ref="B11:B19"/>
    <mergeCell ref="D11:H11"/>
    <mergeCell ref="C12:C14"/>
    <mergeCell ref="D12:H12"/>
    <mergeCell ref="A83:I84"/>
    <mergeCell ref="G23:H23"/>
    <mergeCell ref="G24:H24"/>
    <mergeCell ref="G25:H25"/>
    <mergeCell ref="G26:H26"/>
    <mergeCell ref="G30:H30"/>
    <mergeCell ref="G31:H31"/>
    <mergeCell ref="G32:H32"/>
    <mergeCell ref="A35:H35"/>
    <mergeCell ref="B29:B32"/>
    <mergeCell ref="D29:H29"/>
    <mergeCell ref="C30:C32"/>
  </mergeCells>
  <phoneticPr fontId="1"/>
  <pageMargins left="0.70866141732283472" right="0.70866141732283472" top="0.74803149606299213" bottom="0.35433070866141736" header="0.31496062992125984" footer="0.31496062992125984"/>
  <pageSetup paperSize="9" scale="91" orientation="portrait" r:id="rId1"/>
  <rowBreaks count="2" manualBreakCount="2">
    <brk id="34" max="8" man="1"/>
    <brk id="82" max="8"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7" tint="0.59999389629810485"/>
  </sheetPr>
  <dimension ref="B1:E28"/>
  <sheetViews>
    <sheetView view="pageBreakPreview" zoomScaleNormal="85" zoomScaleSheetLayoutView="100" workbookViewId="0">
      <pane ySplit="5" topLeftCell="A6" activePane="bottomLeft" state="frozen"/>
      <selection pane="bottomLeft" activeCell="D25" sqref="D25"/>
    </sheetView>
  </sheetViews>
  <sheetFormatPr defaultRowHeight="17.649999999999999"/>
  <cols>
    <col min="1" max="1" width="3.125" customWidth="1"/>
    <col min="2" max="2" width="6.5" customWidth="1"/>
    <col min="3" max="3" width="65" customWidth="1"/>
    <col min="4" max="4" width="26.25" customWidth="1"/>
    <col min="5" max="5" width="19.625" customWidth="1"/>
  </cols>
  <sheetData>
    <row r="1" spans="2:5">
      <c r="C1" s="4" t="s">
        <v>5</v>
      </c>
    </row>
    <row r="2" spans="2:5">
      <c r="B2" t="s">
        <v>258</v>
      </c>
    </row>
    <row r="3" spans="2:5">
      <c r="B3" t="s">
        <v>157</v>
      </c>
    </row>
    <row r="4" spans="2:5" ht="5.25" customHeight="1" thickBot="1"/>
    <row r="5" spans="2:5" ht="37.5" customHeight="1" thickTop="1" thickBot="1">
      <c r="B5" s="35"/>
      <c r="C5" s="36" t="s">
        <v>36</v>
      </c>
      <c r="D5" s="37" t="s">
        <v>37</v>
      </c>
      <c r="E5" s="4" t="s">
        <v>136</v>
      </c>
    </row>
    <row r="6" spans="2:5" ht="37.5" customHeight="1" thickTop="1" thickBot="1">
      <c r="B6" s="331" t="s">
        <v>256</v>
      </c>
      <c r="C6" s="52" t="s">
        <v>192</v>
      </c>
      <c r="D6" s="75"/>
      <c r="E6" s="78"/>
    </row>
    <row r="7" spans="2:5" ht="37.5" customHeight="1" thickBot="1">
      <c r="B7" s="332"/>
      <c r="C7" s="52" t="s">
        <v>38</v>
      </c>
      <c r="D7" s="75"/>
      <c r="E7" s="78"/>
    </row>
    <row r="8" spans="2:5" ht="37.5" customHeight="1" thickBot="1">
      <c r="B8" s="332"/>
      <c r="C8" s="52" t="s">
        <v>39</v>
      </c>
      <c r="D8" s="75"/>
      <c r="E8" s="78"/>
    </row>
    <row r="9" spans="2:5" ht="37.5" customHeight="1" thickBot="1">
      <c r="B9" s="332"/>
      <c r="C9" s="52" t="s">
        <v>40</v>
      </c>
      <c r="D9" s="75"/>
      <c r="E9" s="78"/>
    </row>
    <row r="10" spans="2:5" ht="37.5" customHeight="1" thickBot="1">
      <c r="B10" s="332"/>
      <c r="C10" s="52" t="s">
        <v>41</v>
      </c>
      <c r="D10" s="75"/>
      <c r="E10" s="78"/>
    </row>
    <row r="11" spans="2:5" ht="37.5" customHeight="1" thickBot="1">
      <c r="B11" s="333"/>
      <c r="C11" s="85" t="s">
        <v>172</v>
      </c>
      <c r="D11" s="79"/>
      <c r="E11" s="77">
        <f>SUM(D6:D10)</f>
        <v>0</v>
      </c>
    </row>
    <row r="12" spans="2:5" ht="37.5" customHeight="1" thickTop="1" thickBot="1">
      <c r="B12" s="334" t="s">
        <v>42</v>
      </c>
      <c r="C12" s="52" t="s">
        <v>188</v>
      </c>
      <c r="D12" s="75"/>
      <c r="E12" s="78"/>
    </row>
    <row r="13" spans="2:5" ht="37.5" customHeight="1" thickBot="1">
      <c r="B13" s="335"/>
      <c r="C13" s="53" t="s">
        <v>43</v>
      </c>
      <c r="D13" s="76"/>
      <c r="E13" s="78"/>
    </row>
    <row r="14" spans="2:5" ht="37.5" customHeight="1" thickTop="1" thickBot="1">
      <c r="B14" s="335"/>
      <c r="C14" s="85" t="s">
        <v>44</v>
      </c>
      <c r="D14" s="79"/>
      <c r="E14" s="77">
        <f>SUM(D12:D13)</f>
        <v>0</v>
      </c>
    </row>
    <row r="15" spans="2:5" ht="37.5" customHeight="1" thickTop="1" thickBot="1">
      <c r="B15" s="335"/>
      <c r="C15" s="52" t="s">
        <v>189</v>
      </c>
      <c r="D15" s="75"/>
      <c r="E15" s="78"/>
    </row>
    <row r="16" spans="2:5" ht="37.5" customHeight="1" thickBot="1">
      <c r="B16" s="335"/>
      <c r="C16" s="52" t="s">
        <v>45</v>
      </c>
      <c r="D16" s="75"/>
      <c r="E16" s="78"/>
    </row>
    <row r="17" spans="2:5" ht="37.5" customHeight="1" thickBot="1">
      <c r="B17" s="335"/>
      <c r="C17" s="52" t="s">
        <v>46</v>
      </c>
      <c r="D17" s="75"/>
      <c r="E17" s="78"/>
    </row>
    <row r="18" spans="2:5" ht="37.5" customHeight="1" thickBot="1">
      <c r="B18" s="335"/>
      <c r="C18" s="53" t="s">
        <v>47</v>
      </c>
      <c r="D18" s="76"/>
      <c r="E18" s="78"/>
    </row>
    <row r="19" spans="2:5" ht="37.5" customHeight="1" thickTop="1" thickBot="1">
      <c r="B19" s="335"/>
      <c r="C19" s="85" t="s">
        <v>48</v>
      </c>
      <c r="D19" s="79"/>
      <c r="E19" s="77">
        <f>SUM(D15:D18)</f>
        <v>0</v>
      </c>
    </row>
    <row r="20" spans="2:5" ht="37.5" customHeight="1" thickTop="1" thickBot="1">
      <c r="B20" s="335"/>
      <c r="C20" s="82" t="s">
        <v>49</v>
      </c>
      <c r="D20" s="79"/>
      <c r="E20" s="77">
        <f>D14+D19</f>
        <v>0</v>
      </c>
    </row>
    <row r="21" spans="2:5" ht="37.5" customHeight="1" thickTop="1" thickBot="1">
      <c r="B21" s="335"/>
      <c r="C21" s="52" t="s">
        <v>190</v>
      </c>
      <c r="D21" s="75"/>
      <c r="E21" s="78"/>
    </row>
    <row r="22" spans="2:5" ht="37.5" customHeight="1" thickBot="1">
      <c r="B22" s="335"/>
      <c r="C22" s="52" t="s">
        <v>50</v>
      </c>
      <c r="D22" s="75"/>
      <c r="E22" s="78"/>
    </row>
    <row r="23" spans="2:5" ht="37.5" customHeight="1" thickBot="1">
      <c r="B23" s="335"/>
      <c r="C23" s="52" t="s">
        <v>51</v>
      </c>
      <c r="D23" s="75"/>
      <c r="E23" s="78"/>
    </row>
    <row r="24" spans="2:5" ht="37.5" customHeight="1" thickBot="1">
      <c r="B24" s="335"/>
      <c r="C24" s="53" t="s">
        <v>52</v>
      </c>
      <c r="D24" s="76"/>
      <c r="E24" s="78"/>
    </row>
    <row r="25" spans="2:5" ht="37.5" customHeight="1" thickTop="1" thickBot="1">
      <c r="B25" s="335"/>
      <c r="C25" s="86" t="s">
        <v>53</v>
      </c>
      <c r="D25" s="75"/>
      <c r="E25" s="77">
        <f>SUM(D21:D24)</f>
        <v>0</v>
      </c>
    </row>
    <row r="26" spans="2:5" ht="37.5" customHeight="1" thickBot="1">
      <c r="B26" s="336"/>
      <c r="C26" s="85" t="s">
        <v>112</v>
      </c>
      <c r="D26" s="79"/>
      <c r="E26" s="77">
        <f>D14+D26</f>
        <v>0</v>
      </c>
    </row>
    <row r="27" spans="2:5" ht="18" thickTop="1">
      <c r="C27" t="s">
        <v>220</v>
      </c>
    </row>
    <row r="28" spans="2:5">
      <c r="C28" t="s">
        <v>219</v>
      </c>
    </row>
  </sheetData>
  <sheetProtection formatCells="0"/>
  <mergeCells count="2">
    <mergeCell ref="B6:B11"/>
    <mergeCell ref="B12:B26"/>
  </mergeCells>
  <phoneticPr fontId="1"/>
  <pageMargins left="0.7" right="0.7" top="0.75" bottom="0.75" header="0.3" footer="0.3"/>
  <pageSetup paperSize="9" scale="74"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4</vt:i4>
      </vt:variant>
    </vt:vector>
  </HeadingPairs>
  <TitlesOfParts>
    <vt:vector size="7" baseType="lpstr">
      <vt:lpstr>自主点検表（会計）（書面での提出時はこちらを印刷）</vt:lpstr>
      <vt:lpstr>表紙</vt:lpstr>
      <vt:lpstr>委託費の弾力運用の状況入力シート</vt:lpstr>
      <vt:lpstr>委託費の弾力運用の状況入力シート!Print_Area</vt:lpstr>
      <vt:lpstr>'自主点検表（会計）（書面での提出時はこちらを印刷）'!Print_Area</vt:lpstr>
      <vt:lpstr>表紙!Print_Area</vt:lpstr>
      <vt:lpstr>'自主点検表（会計）（書面での提出時はこちらを印刷）'!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mc</dc:creator>
  <cp:lastModifiedBy>楠原　啓二</cp:lastModifiedBy>
  <cp:lastPrinted>2026-06-16T07:15:14Z</cp:lastPrinted>
  <dcterms:created xsi:type="dcterms:W3CDTF">2022-05-18T04:33:55Z</dcterms:created>
  <dcterms:modified xsi:type="dcterms:W3CDTF">2026-06-16T07:17:26Z</dcterms:modified>
</cp:coreProperties>
</file>